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iPK0100\02_共用(B)$\i1399\Downloads\"/>
    </mc:Choice>
  </mc:AlternateContent>
  <bookViews>
    <workbookView xWindow="0" yWindow="0" windowWidth="28800" windowHeight="12450"/>
  </bookViews>
  <sheets>
    <sheet name="社会保障・社会福祉" sheetId="1" r:id="rId1"/>
  </sheets>
  <definedNames>
    <definedName name="_xlnm.Print_Area" localSheetId="0">社会保障・社会福祉!$A$1:$AG$38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76" uniqueCount="342">
  <si>
    <t>（世帯）</t>
  </si>
  <si>
    <t>（人）</t>
  </si>
  <si>
    <t>（‰）</t>
  </si>
  <si>
    <t>〔　社会保障　〕</t>
    <rPh sb="2" eb="4">
      <t>シャカイ</t>
    </rPh>
    <rPh sb="4" eb="6">
      <t>ホショウ</t>
    </rPh>
    <phoneticPr fontId="4"/>
  </si>
  <si>
    <t>１．国民健康保険事業の状況</t>
    <rPh sb="2" eb="4">
      <t>コクミン</t>
    </rPh>
    <rPh sb="4" eb="6">
      <t>ケンコウ</t>
    </rPh>
    <rPh sb="6" eb="8">
      <t>ホケン</t>
    </rPh>
    <rPh sb="8" eb="10">
      <t>ジギョウ</t>
    </rPh>
    <rPh sb="11" eb="13">
      <t>ジョウキョウ</t>
    </rPh>
    <phoneticPr fontId="4"/>
  </si>
  <si>
    <t>（１）決算額</t>
    <rPh sb="3" eb="6">
      <t>ケッサンガク</t>
    </rPh>
    <phoneticPr fontId="4"/>
  </si>
  <si>
    <t>単位：千円</t>
    <rPh sb="0" eb="2">
      <t>タンイ</t>
    </rPh>
    <rPh sb="3" eb="5">
      <t>センエン</t>
    </rPh>
    <phoneticPr fontId="4"/>
  </si>
  <si>
    <t>資料：国保医療課</t>
    <rPh sb="0" eb="2">
      <t>シリョウ</t>
    </rPh>
    <rPh sb="3" eb="5">
      <t>コクホ</t>
    </rPh>
    <rPh sb="5" eb="8">
      <t>イリョウカ</t>
    </rPh>
    <phoneticPr fontId="4"/>
  </si>
  <si>
    <t>（２）加入状況</t>
    <rPh sb="3" eb="5">
      <t>カニュウ</t>
    </rPh>
    <rPh sb="5" eb="7">
      <t>ジョウキョウ</t>
    </rPh>
    <phoneticPr fontId="4"/>
  </si>
  <si>
    <t>単位：世帯、人</t>
    <rPh sb="0" eb="2">
      <t>タンイ</t>
    </rPh>
    <rPh sb="3" eb="5">
      <t>セタイ</t>
    </rPh>
    <rPh sb="6" eb="7">
      <t>ヒト</t>
    </rPh>
    <phoneticPr fontId="4"/>
  </si>
  <si>
    <t>（３）給付状況</t>
    <rPh sb="3" eb="5">
      <t>キュウフ</t>
    </rPh>
    <rPh sb="5" eb="7">
      <t>ジョウキョウ</t>
    </rPh>
    <phoneticPr fontId="4"/>
  </si>
  <si>
    <t>②保険給付費のうち療養費</t>
    <rPh sb="1" eb="3">
      <t>ホケン</t>
    </rPh>
    <rPh sb="3" eb="6">
      <t>キュウフヒ</t>
    </rPh>
    <rPh sb="9" eb="12">
      <t>リョウヨウヒ</t>
    </rPh>
    <phoneticPr fontId="4"/>
  </si>
  <si>
    <t>２．国民年金被保険者等の状況</t>
    <rPh sb="2" eb="4">
      <t>コクミン</t>
    </rPh>
    <rPh sb="4" eb="6">
      <t>ネンキン</t>
    </rPh>
    <rPh sb="6" eb="7">
      <t>ヒ</t>
    </rPh>
    <rPh sb="7" eb="10">
      <t>ホケンシャ</t>
    </rPh>
    <rPh sb="10" eb="11">
      <t>トウ</t>
    </rPh>
    <rPh sb="12" eb="14">
      <t>ジョウキョウ</t>
    </rPh>
    <phoneticPr fontId="4"/>
  </si>
  <si>
    <t>単位：人</t>
    <rPh sb="0" eb="2">
      <t>タンイ</t>
    </rPh>
    <rPh sb="3" eb="4">
      <t>ニン</t>
    </rPh>
    <phoneticPr fontId="4"/>
  </si>
  <si>
    <t>〔　社会福祉　〕</t>
    <rPh sb="2" eb="4">
      <t>シャカイ</t>
    </rPh>
    <rPh sb="4" eb="6">
      <t>フクシ</t>
    </rPh>
    <phoneticPr fontId="4"/>
  </si>
  <si>
    <t>（各年度末現在調）</t>
    <rPh sb="1" eb="2">
      <t>カク</t>
    </rPh>
    <rPh sb="2" eb="5">
      <t>ネンドマツ</t>
    </rPh>
    <rPh sb="5" eb="7">
      <t>ゲンザイ</t>
    </rPh>
    <rPh sb="7" eb="8">
      <t>シラ</t>
    </rPh>
    <phoneticPr fontId="4"/>
  </si>
  <si>
    <t>資料：社会福祉課</t>
    <rPh sb="0" eb="2">
      <t>シリョウ</t>
    </rPh>
    <rPh sb="3" eb="5">
      <t>シャカイ</t>
    </rPh>
    <rPh sb="5" eb="8">
      <t>フクシカ</t>
    </rPh>
    <phoneticPr fontId="4"/>
  </si>
  <si>
    <t>単位：円、％</t>
    <rPh sb="0" eb="2">
      <t>タンイ</t>
    </rPh>
    <rPh sb="3" eb="4">
      <t>エン</t>
    </rPh>
    <phoneticPr fontId="4"/>
  </si>
  <si>
    <t>単位：人、千円</t>
    <rPh sb="0" eb="2">
      <t>タンイ</t>
    </rPh>
    <rPh sb="3" eb="4">
      <t>ヒト</t>
    </rPh>
    <rPh sb="5" eb="7">
      <t>センエン</t>
    </rPh>
    <phoneticPr fontId="4"/>
  </si>
  <si>
    <t>（各年４月１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4"/>
  </si>
  <si>
    <t>単位：人</t>
    <rPh sb="0" eb="2">
      <t>タンイ</t>
    </rPh>
    <rPh sb="3" eb="4">
      <t>ヒト</t>
    </rPh>
    <phoneticPr fontId="4"/>
  </si>
  <si>
    <t>単位：日、人</t>
    <rPh sb="0" eb="2">
      <t>タンイ</t>
    </rPh>
    <rPh sb="3" eb="4">
      <t>ニチ</t>
    </rPh>
    <rPh sb="5" eb="6">
      <t>ニン</t>
    </rPh>
    <phoneticPr fontId="4"/>
  </si>
  <si>
    <t>(各年度末現在調）</t>
    <rPh sb="1" eb="4">
      <t>カクネンド</t>
    </rPh>
    <rPh sb="4" eb="5">
      <t>マツ</t>
    </rPh>
    <rPh sb="5" eb="7">
      <t>ゲンザイ</t>
    </rPh>
    <rPh sb="7" eb="8">
      <t>シラ</t>
    </rPh>
    <phoneticPr fontId="4"/>
  </si>
  <si>
    <t>（１）市立保育所</t>
    <rPh sb="3" eb="5">
      <t>イチリツ</t>
    </rPh>
    <rPh sb="5" eb="8">
      <t>ホイクショ</t>
    </rPh>
    <phoneticPr fontId="4"/>
  </si>
  <si>
    <t>（２）私立保育所</t>
    <rPh sb="3" eb="4">
      <t>ワタシ</t>
    </rPh>
    <rPh sb="4" eb="5">
      <t>イチリツ</t>
    </rPh>
    <rPh sb="5" eb="8">
      <t>ホイクショ</t>
    </rPh>
    <phoneticPr fontId="4"/>
  </si>
  <si>
    <t>単位：件</t>
    <rPh sb="0" eb="2">
      <t>タンイ</t>
    </rPh>
    <rPh sb="3" eb="4">
      <t>ケン</t>
    </rPh>
    <phoneticPr fontId="4"/>
  </si>
  <si>
    <t>資料：市社会福祉協議会</t>
    <rPh sb="0" eb="2">
      <t>シリョウ</t>
    </rPh>
    <rPh sb="3" eb="4">
      <t>シ</t>
    </rPh>
    <rPh sb="4" eb="6">
      <t>シャカイ</t>
    </rPh>
    <rPh sb="6" eb="8">
      <t>フクシ</t>
    </rPh>
    <rPh sb="8" eb="10">
      <t>キョウギ</t>
    </rPh>
    <rPh sb="10" eb="11">
      <t>カイ</t>
    </rPh>
    <phoneticPr fontId="4"/>
  </si>
  <si>
    <t>資料：人権啓発推進課</t>
    <rPh sb="0" eb="2">
      <t>シリョウ</t>
    </rPh>
    <rPh sb="3" eb="5">
      <t>ジンケン</t>
    </rPh>
    <rPh sb="5" eb="7">
      <t>ケイハツ</t>
    </rPh>
    <rPh sb="7" eb="9">
      <t>スイシン</t>
    </rPh>
    <rPh sb="9" eb="10">
      <t>カ</t>
    </rPh>
    <phoneticPr fontId="4"/>
  </si>
  <si>
    <t>（各年８月１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4"/>
  </si>
  <si>
    <t>単位：世帯</t>
    <rPh sb="0" eb="2">
      <t>タンイ</t>
    </rPh>
    <rPh sb="3" eb="5">
      <t>セタイ</t>
    </rPh>
    <phoneticPr fontId="4"/>
  </si>
  <si>
    <t>資料：市社会福祉協議会</t>
    <rPh sb="0" eb="2">
      <t>シリョウ</t>
    </rPh>
    <phoneticPr fontId="4"/>
  </si>
  <si>
    <t>年度</t>
  </si>
  <si>
    <t>区分</t>
  </si>
  <si>
    <t>歳入合計</t>
  </si>
  <si>
    <t>国民健康保険税</t>
  </si>
  <si>
    <t>一部負担金</t>
  </si>
  <si>
    <t>使用料及び手数料</t>
  </si>
  <si>
    <t>国庫支出金</t>
  </si>
  <si>
    <t>府支出金</t>
  </si>
  <si>
    <t>財産収入</t>
  </si>
  <si>
    <t>諸収入</t>
  </si>
  <si>
    <t>繰入金</t>
  </si>
  <si>
    <t>繰越金</t>
  </si>
  <si>
    <t>歳出合計</t>
  </si>
  <si>
    <t>総務費</t>
  </si>
  <si>
    <t>保険給付費</t>
  </si>
  <si>
    <t>保健事業費</t>
  </si>
  <si>
    <t>拠出金（共同事業）</t>
  </si>
  <si>
    <t>公債費</t>
  </si>
  <si>
    <t>基金積立金</t>
  </si>
  <si>
    <t>諸支出金</t>
  </si>
  <si>
    <t>繰上充用金</t>
  </si>
  <si>
    <t>歳入歳出差引残高</t>
  </si>
  <si>
    <t>種別</t>
  </si>
  <si>
    <t>被保険者数</t>
  </si>
  <si>
    <t>資格取得者数</t>
  </si>
  <si>
    <t>出生・転入</t>
  </si>
  <si>
    <t>社会保険離脱</t>
  </si>
  <si>
    <t>その他</t>
  </si>
  <si>
    <t>資格喪失者数</t>
  </si>
  <si>
    <t>死亡・転出</t>
  </si>
  <si>
    <t>社会保険加入</t>
  </si>
  <si>
    <t>療養費用合計</t>
  </si>
  <si>
    <t>入院外</t>
  </si>
  <si>
    <t>件     数</t>
  </si>
  <si>
    <t>費用額</t>
  </si>
  <si>
    <t>高額療養費</t>
  </si>
  <si>
    <t>出産育児一時金</t>
  </si>
  <si>
    <t>葬祭費</t>
  </si>
  <si>
    <t>免除者数</t>
  </si>
  <si>
    <t>総　数</t>
  </si>
  <si>
    <t>任意加入者</t>
  </si>
  <si>
    <t>法定免除者</t>
  </si>
  <si>
    <t>申請免除者</t>
  </si>
  <si>
    <t>定　員</t>
  </si>
  <si>
    <t>現在員</t>
  </si>
  <si>
    <t>民生委員１人当たり</t>
  </si>
  <si>
    <t>大　住</t>
  </si>
  <si>
    <t>田　辺</t>
  </si>
  <si>
    <t>草　内</t>
  </si>
  <si>
    <t>三山木</t>
  </si>
  <si>
    <t>普賢寺</t>
  </si>
  <si>
    <t>保護世帯</t>
  </si>
  <si>
    <t>保護人員</t>
  </si>
  <si>
    <t>被保護世帯数</t>
  </si>
  <si>
    <t>被保護人員</t>
  </si>
  <si>
    <t xml:space="preserve">保護率        </t>
  </si>
  <si>
    <t>（千円）</t>
  </si>
  <si>
    <t>総額</t>
  </si>
  <si>
    <t>生活</t>
  </si>
  <si>
    <t>住宅</t>
  </si>
  <si>
    <t>教育</t>
  </si>
  <si>
    <t>医療</t>
  </si>
  <si>
    <t>介護</t>
  </si>
  <si>
    <t>出産</t>
  </si>
  <si>
    <t>生業</t>
  </si>
  <si>
    <t>葬祭</t>
  </si>
  <si>
    <t>対象者</t>
  </si>
  <si>
    <t>件　数</t>
  </si>
  <si>
    <t>助成額</t>
  </si>
  <si>
    <t>（件）</t>
  </si>
  <si>
    <t>特別児童福祉手当</t>
  </si>
  <si>
    <t>支給総額</t>
  </si>
  <si>
    <t>生活福祉資金一般貸付</t>
  </si>
  <si>
    <t>合計</t>
  </si>
  <si>
    <t>件数</t>
  </si>
  <si>
    <t>人数</t>
  </si>
  <si>
    <t>第１研修室</t>
  </si>
  <si>
    <t>第２研修室</t>
  </si>
  <si>
    <t>第３研修室</t>
  </si>
  <si>
    <t>共同企画室</t>
  </si>
  <si>
    <t>和室</t>
  </si>
  <si>
    <t>給食調理室</t>
  </si>
  <si>
    <t>相談室</t>
  </si>
  <si>
    <t>録音室</t>
  </si>
  <si>
    <t>総人数</t>
  </si>
  <si>
    <t>訪問介護</t>
  </si>
  <si>
    <t>訪問入浴</t>
  </si>
  <si>
    <t>訪問看護</t>
  </si>
  <si>
    <t>訪問リハビリ</t>
  </si>
  <si>
    <t>通所介護</t>
  </si>
  <si>
    <t>通所リハビリ</t>
  </si>
  <si>
    <t>福祉用具貸与</t>
  </si>
  <si>
    <t>短期入所生活介護</t>
  </si>
  <si>
    <t>短期入所療養介護</t>
  </si>
  <si>
    <t>介護老人福祉施設</t>
  </si>
  <si>
    <t>介護老人保健施設</t>
  </si>
  <si>
    <t>介護療養型医療施設</t>
  </si>
  <si>
    <t>居宅療養管理指導</t>
  </si>
  <si>
    <t>認知症対応型共同生活介護</t>
  </si>
  <si>
    <t>特定施設入所者生活介護</t>
  </si>
  <si>
    <t>居宅介護支援</t>
  </si>
  <si>
    <t>福祉用具購入</t>
  </si>
  <si>
    <t>住宅改修</t>
  </si>
  <si>
    <t>ホームヘルプ
サービス事業</t>
  </si>
  <si>
    <t>利用状況</t>
  </si>
  <si>
    <t>無料</t>
  </si>
  <si>
    <t>有料</t>
  </si>
  <si>
    <t>緊急通報装置・　　　　　　福祉電話貸与数</t>
  </si>
  <si>
    <t>公立</t>
  </si>
  <si>
    <t>私立</t>
  </si>
  <si>
    <t>入所者数</t>
  </si>
  <si>
    <t>老人医療</t>
  </si>
  <si>
    <t>受給者数（人）</t>
  </si>
  <si>
    <t>歯科</t>
  </si>
  <si>
    <t>調剤</t>
  </si>
  <si>
    <t>医療費給付額（千円）</t>
  </si>
  <si>
    <t>５．共同募金実績状況</t>
    <rPh sb="2" eb="4">
      <t>キョウドウ</t>
    </rPh>
    <rPh sb="4" eb="6">
      <t>ボキン</t>
    </rPh>
    <rPh sb="6" eb="8">
      <t>ジッセキ</t>
    </rPh>
    <rPh sb="8" eb="10">
      <t>ジョウキョウ</t>
    </rPh>
    <phoneticPr fontId="4"/>
  </si>
  <si>
    <r>
      <t>６．福祉年金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敬老祝金支給状況</t>
    </r>
    <rPh sb="2" eb="4">
      <t>フクシ</t>
    </rPh>
    <rPh sb="4" eb="6">
      <t>ネンキン</t>
    </rPh>
    <rPh sb="7" eb="9">
      <t>ケイロウ</t>
    </rPh>
    <rPh sb="9" eb="10">
      <t>イワ</t>
    </rPh>
    <rPh sb="10" eb="11">
      <t>キン</t>
    </rPh>
    <rPh sb="11" eb="13">
      <t>シキュウ</t>
    </rPh>
    <rPh sb="13" eb="15">
      <t>ジョウキョウ</t>
    </rPh>
    <phoneticPr fontId="4"/>
  </si>
  <si>
    <t>７．老人クラブ会員数</t>
    <rPh sb="2" eb="4">
      <t>ロウジン</t>
    </rPh>
    <rPh sb="7" eb="10">
      <t>カイインスウ</t>
    </rPh>
    <phoneticPr fontId="4"/>
  </si>
  <si>
    <t>９．老人医療費助成状況</t>
    <rPh sb="2" eb="4">
      <t>ロウジン</t>
    </rPh>
    <rPh sb="4" eb="7">
      <t>イリョウヒ</t>
    </rPh>
    <rPh sb="7" eb="9">
      <t>ジョセイ</t>
    </rPh>
    <rPh sb="9" eb="11">
      <t>ジョウキョウ</t>
    </rPh>
    <phoneticPr fontId="4"/>
  </si>
  <si>
    <t>１０．シルバー人材センター就業状況</t>
    <rPh sb="7" eb="9">
      <t>ジンザイ</t>
    </rPh>
    <rPh sb="13" eb="15">
      <t>シュウギョウ</t>
    </rPh>
    <rPh sb="15" eb="17">
      <t>ジョウキョウ</t>
    </rPh>
    <phoneticPr fontId="4"/>
  </si>
  <si>
    <t>１１．戦没者遺族数</t>
    <rPh sb="3" eb="6">
      <t>センボツシャ</t>
    </rPh>
    <rPh sb="6" eb="8">
      <t>イゾク</t>
    </rPh>
    <rPh sb="8" eb="9">
      <t>スウ</t>
    </rPh>
    <phoneticPr fontId="4"/>
  </si>
  <si>
    <t>１４．身体障害者状況</t>
    <rPh sb="3" eb="5">
      <t>シンタイ</t>
    </rPh>
    <rPh sb="5" eb="8">
      <t>ショウガイシャ</t>
    </rPh>
    <rPh sb="8" eb="10">
      <t>ジョウキョウ</t>
    </rPh>
    <phoneticPr fontId="4"/>
  </si>
  <si>
    <t>１５．各資金貸付状況</t>
    <rPh sb="3" eb="4">
      <t>カク</t>
    </rPh>
    <rPh sb="4" eb="6">
      <t>シキン</t>
    </rPh>
    <rPh sb="6" eb="8">
      <t>カシツケ</t>
    </rPh>
    <rPh sb="8" eb="10">
      <t>ジョウキョウ</t>
    </rPh>
    <phoneticPr fontId="4"/>
  </si>
  <si>
    <r>
      <t>１６．心配ごと相談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ふれあい相談室実施状況</t>
    </r>
    <rPh sb="3" eb="5">
      <t>シンパイ</t>
    </rPh>
    <rPh sb="7" eb="9">
      <t>ソウダン</t>
    </rPh>
    <rPh sb="14" eb="17">
      <t>ソウダンシツ</t>
    </rPh>
    <rPh sb="17" eb="19">
      <t>ジッシ</t>
    </rPh>
    <rPh sb="19" eb="21">
      <t>ジョウキョウ</t>
    </rPh>
    <phoneticPr fontId="4"/>
  </si>
  <si>
    <t>単位：件、千円</t>
    <rPh sb="0" eb="2">
      <t>タンイ</t>
    </rPh>
    <rPh sb="3" eb="4">
      <t>ケン</t>
    </rPh>
    <rPh sb="5" eb="6">
      <t>セン</t>
    </rPh>
    <rPh sb="6" eb="7">
      <t>エン</t>
    </rPh>
    <phoneticPr fontId="4"/>
  </si>
  <si>
    <t>資料：市社会福祉協議会</t>
    <rPh sb="0" eb="2">
      <t>シリョウ</t>
    </rPh>
    <rPh sb="3" eb="4">
      <t>シ</t>
    </rPh>
    <rPh sb="4" eb="6">
      <t>シャカイ</t>
    </rPh>
    <rPh sb="6" eb="8">
      <t>フクシ</t>
    </rPh>
    <rPh sb="8" eb="11">
      <t>キョウギカイ</t>
    </rPh>
    <phoneticPr fontId="4"/>
  </si>
  <si>
    <t>８．老人福祉センター利用状況</t>
    <rPh sb="2" eb="4">
      <t>ロウジン</t>
    </rPh>
    <rPh sb="4" eb="6">
      <t>フクシ</t>
    </rPh>
    <rPh sb="10" eb="12">
      <t>リヨウ</t>
    </rPh>
    <rPh sb="12" eb="14">
      <t>ジョウキョウ</t>
    </rPh>
    <phoneticPr fontId="4"/>
  </si>
  <si>
    <t>普通会員</t>
  </si>
  <si>
    <t>特別会員</t>
  </si>
  <si>
    <t>賛助会員</t>
  </si>
  <si>
    <t>-</t>
  </si>
  <si>
    <t>（各年度末現在調）</t>
  </si>
  <si>
    <t>４．生活保護状況</t>
    <rPh sb="2" eb="4">
      <t>セイカツ</t>
    </rPh>
    <rPh sb="4" eb="6">
      <t>ホゴ</t>
    </rPh>
    <rPh sb="6" eb="8">
      <t>ジョウキョウ</t>
    </rPh>
    <phoneticPr fontId="4"/>
  </si>
  <si>
    <t>１２．保育所の状況</t>
    <rPh sb="3" eb="6">
      <t>ホイクショ</t>
    </rPh>
    <rPh sb="7" eb="9">
      <t>ジョウキョウ</t>
    </rPh>
    <phoneticPr fontId="4"/>
  </si>
  <si>
    <t>１３．児童福祉諸手当支給状況</t>
    <rPh sb="3" eb="5">
      <t>ジドウ</t>
    </rPh>
    <rPh sb="5" eb="7">
      <t>フクシ</t>
    </rPh>
    <rPh sb="7" eb="10">
      <t>ショテアテ</t>
    </rPh>
    <rPh sb="10" eb="12">
      <t>シキュウ</t>
    </rPh>
    <rPh sb="12" eb="14">
      <t>ジョウキョウ</t>
    </rPh>
    <phoneticPr fontId="4"/>
  </si>
  <si>
    <t>１７．市なやみごと相談・市民無料法律相談実施状況</t>
    <rPh sb="3" eb="4">
      <t>シ</t>
    </rPh>
    <rPh sb="9" eb="11">
      <t>ソウダン</t>
    </rPh>
    <rPh sb="12" eb="14">
      <t>シミン</t>
    </rPh>
    <rPh sb="14" eb="16">
      <t>ムリョウ</t>
    </rPh>
    <rPh sb="16" eb="18">
      <t>ホウリツ</t>
    </rPh>
    <rPh sb="18" eb="20">
      <t>ソウダン</t>
    </rPh>
    <rPh sb="20" eb="22">
      <t>ジッシ</t>
    </rPh>
    <rPh sb="22" eb="24">
      <t>ジョウキョウ</t>
    </rPh>
    <phoneticPr fontId="4"/>
  </si>
  <si>
    <t>１８．市社会福祉協議会会員数</t>
    <rPh sb="3" eb="4">
      <t>シ</t>
    </rPh>
    <rPh sb="4" eb="6">
      <t>シャカイ</t>
    </rPh>
    <rPh sb="6" eb="8">
      <t>フクシ</t>
    </rPh>
    <rPh sb="8" eb="11">
      <t>キョウギカイ</t>
    </rPh>
    <rPh sb="11" eb="14">
      <t>カイインスウ</t>
    </rPh>
    <phoneticPr fontId="4"/>
  </si>
  <si>
    <t>１９．ボランティア登録者数</t>
    <rPh sb="9" eb="12">
      <t>トウロクシャ</t>
    </rPh>
    <rPh sb="12" eb="13">
      <t>スウ</t>
    </rPh>
    <phoneticPr fontId="4"/>
  </si>
  <si>
    <t>２１．要介護（要支援）認定者数</t>
    <rPh sb="3" eb="4">
      <t>ヨウ</t>
    </rPh>
    <rPh sb="4" eb="6">
      <t>カイゴ</t>
    </rPh>
    <rPh sb="7" eb="10">
      <t>ヨウシエン</t>
    </rPh>
    <rPh sb="11" eb="14">
      <t>ニンテイシャ</t>
    </rPh>
    <rPh sb="14" eb="15">
      <t>スウ</t>
    </rPh>
    <phoneticPr fontId="4"/>
  </si>
  <si>
    <t>２３．介護保険サービス利用状況</t>
    <rPh sb="3" eb="5">
      <t>カイゴ</t>
    </rPh>
    <rPh sb="5" eb="7">
      <t>ホケン</t>
    </rPh>
    <rPh sb="11" eb="13">
      <t>リヨウ</t>
    </rPh>
    <rPh sb="13" eb="15">
      <t>ジョウキョウ</t>
    </rPh>
    <phoneticPr fontId="4"/>
  </si>
  <si>
    <t>居　宅</t>
  </si>
  <si>
    <t>（回）</t>
  </si>
  <si>
    <t>（日）</t>
  </si>
  <si>
    <t>施　設</t>
  </si>
  <si>
    <t>資料：国保医療課</t>
  </si>
  <si>
    <t>入院</t>
  </si>
  <si>
    <t>薬剤</t>
  </si>
  <si>
    <t>第１号
被保険者数</t>
  </si>
  <si>
    <t>第３号
被保険者数</t>
  </si>
  <si>
    <t>資料：市民年金課</t>
  </si>
  <si>
    <t>単位：人、世帯</t>
  </si>
  <si>
    <t>資料：社会福祉課</t>
  </si>
  <si>
    <t>扶助別保護費（千円）</t>
  </si>
  <si>
    <t>年</t>
  </si>
  <si>
    <t>常磐苑</t>
  </si>
  <si>
    <t>宝生苑</t>
  </si>
  <si>
    <t>開館日数</t>
  </si>
  <si>
    <t>利用者数</t>
  </si>
  <si>
    <t>１日平均利用者数</t>
  </si>
  <si>
    <t>1日平均利用者数</t>
  </si>
  <si>
    <t>保育所数</t>
  </si>
  <si>
    <t>保育の実施数</t>
  </si>
  <si>
    <t>保育士数</t>
  </si>
  <si>
    <t>収容率</t>
  </si>
  <si>
    <t>（所）</t>
  </si>
  <si>
    <t>（％）</t>
  </si>
  <si>
    <t>心身障害児特別手当</t>
  </si>
  <si>
    <t>身体障害者協会</t>
  </si>
  <si>
    <t>身体障害者手帳</t>
  </si>
  <si>
    <t>身体障害者</t>
  </si>
  <si>
    <t>会員数</t>
  </si>
  <si>
    <t>交付者数</t>
  </si>
  <si>
    <t>扶養共済加入者数</t>
  </si>
  <si>
    <t>単位：人、千円</t>
    <rPh sb="0" eb="2">
      <t>タンイ</t>
    </rPh>
    <rPh sb="3" eb="4">
      <t>ヒト</t>
    </rPh>
    <rPh sb="5" eb="6">
      <t>セン</t>
    </rPh>
    <rPh sb="6" eb="7">
      <t>エン</t>
    </rPh>
    <phoneticPr fontId="4"/>
  </si>
  <si>
    <t>３．民生児童委員状況</t>
    <rPh sb="2" eb="4">
      <t>ミンセイ</t>
    </rPh>
    <rPh sb="4" eb="6">
      <t>ジドウ</t>
    </rPh>
    <rPh sb="6" eb="8">
      <t>イイン</t>
    </rPh>
    <rPh sb="8" eb="10">
      <t>ジョウキョウ</t>
    </rPh>
    <phoneticPr fontId="4"/>
  </si>
  <si>
    <t>２２．介護保険第１号被保険者数</t>
    <rPh sb="3" eb="5">
      <t>カイゴ</t>
    </rPh>
    <rPh sb="5" eb="7">
      <t>ホケン</t>
    </rPh>
    <rPh sb="7" eb="8">
      <t>ダイ</t>
    </rPh>
    <rPh sb="9" eb="10">
      <t>ゴウ</t>
    </rPh>
    <rPh sb="10" eb="14">
      <t>ヒホケンシャ</t>
    </rPh>
    <rPh sb="14" eb="15">
      <t>スウ</t>
    </rPh>
    <phoneticPr fontId="4"/>
  </si>
  <si>
    <t>国保加入世帯数</t>
  </si>
  <si>
    <t>三山木・普賢寺</t>
  </si>
  <si>
    <t>松井山手</t>
  </si>
  <si>
    <t>施設事務費</t>
  </si>
  <si>
    <t>目標額</t>
  </si>
  <si>
    <t>募金実績</t>
  </si>
  <si>
    <t>達成率</t>
  </si>
  <si>
    <t>総　額</t>
  </si>
  <si>
    <t>戸別募金</t>
  </si>
  <si>
    <t>街頭募金</t>
  </si>
  <si>
    <t>福祉年金支給状況</t>
  </si>
  <si>
    <t>老　齢</t>
  </si>
  <si>
    <t>敬老祝金支給状況</t>
  </si>
  <si>
    <t>支給額</t>
  </si>
  <si>
    <t>計</t>
  </si>
  <si>
    <t>単位：人</t>
  </si>
  <si>
    <t>戦没者遺族数</t>
  </si>
  <si>
    <t>人　員</t>
  </si>
  <si>
    <t>取扱延件数</t>
  </si>
  <si>
    <t>処理状況</t>
  </si>
  <si>
    <t>相談所内で解決</t>
  </si>
  <si>
    <t>相談所内で              継続指導中</t>
  </si>
  <si>
    <t>他の機関に紹介</t>
  </si>
  <si>
    <t>市民相談</t>
  </si>
  <si>
    <t>なやみごと
（人権・行政）相談</t>
  </si>
  <si>
    <t>市民無料法律相談</t>
  </si>
  <si>
    <t>地区</t>
  </si>
  <si>
    <t>総数</t>
  </si>
  <si>
    <t>大住</t>
  </si>
  <si>
    <t>田辺</t>
  </si>
  <si>
    <t>草内</t>
  </si>
  <si>
    <t>年・区分</t>
  </si>
  <si>
    <t>登録者合計</t>
  </si>
  <si>
    <t>個人</t>
  </si>
  <si>
    <t>グループ人数</t>
  </si>
  <si>
    <t>男女別</t>
  </si>
  <si>
    <t>男</t>
  </si>
  <si>
    <t>女</t>
  </si>
  <si>
    <t>階層別合計</t>
  </si>
  <si>
    <t>学生</t>
  </si>
  <si>
    <t>勤労者</t>
  </si>
  <si>
    <t>自営業</t>
  </si>
  <si>
    <t>主婦</t>
  </si>
  <si>
    <t>年度・区分</t>
  </si>
  <si>
    <t>講習室</t>
  </si>
  <si>
    <t>テレフォンサービス室</t>
  </si>
  <si>
    <t>第１号被保険者数</t>
  </si>
  <si>
    <t>75歳以上</t>
  </si>
  <si>
    <t>第２号被保険者数</t>
  </si>
  <si>
    <t>要支援１</t>
  </si>
  <si>
    <t>要支援２</t>
  </si>
  <si>
    <t>要介護１</t>
  </si>
  <si>
    <t>要介護２</t>
  </si>
  <si>
    <t>要介護３</t>
  </si>
  <si>
    <t>要介護４</t>
  </si>
  <si>
    <t>要介護５</t>
  </si>
  <si>
    <t>（再掲）
外国人被保険者</t>
  </si>
  <si>
    <t>認知症対応型通所介護</t>
  </si>
  <si>
    <t>小規模多機能型居宅介護</t>
  </si>
  <si>
    <t>件数　（件）</t>
  </si>
  <si>
    <t>給付額（千円）</t>
  </si>
  <si>
    <t>医 科</t>
  </si>
  <si>
    <t>入　院</t>
  </si>
  <si>
    <t>障害者医療</t>
  </si>
  <si>
    <t>子育て支援医療</t>
  </si>
  <si>
    <t>（回）</t>
    <phoneticPr fontId="4"/>
  </si>
  <si>
    <t>単位：件、千円</t>
  </si>
  <si>
    <t>注１　世帯数は各年度末現在を基準としている。</t>
    <phoneticPr fontId="4"/>
  </si>
  <si>
    <t>注２　民生委員は児童委員を兼ねる。</t>
    <rPh sb="0" eb="1">
      <t>チュウ</t>
    </rPh>
    <rPh sb="3" eb="5">
      <t>ミンセイ</t>
    </rPh>
    <rPh sb="5" eb="7">
      <t>イイン</t>
    </rPh>
    <rPh sb="8" eb="10">
      <t>ジドウ</t>
    </rPh>
    <rPh sb="10" eb="12">
      <t>イイン</t>
    </rPh>
    <rPh sb="13" eb="14">
      <t>カ</t>
    </rPh>
    <phoneticPr fontId="4"/>
  </si>
  <si>
    <t>注２　世帯、人員は停止中を含む。</t>
    <phoneticPr fontId="4"/>
  </si>
  <si>
    <t>注３　パーミル（‰）は千分率を表す。</t>
    <phoneticPr fontId="4"/>
  </si>
  <si>
    <t>資料：子育て支援課</t>
    <phoneticPr fontId="4"/>
  </si>
  <si>
    <t>資料：国保医療課、子育て支援課</t>
    <rPh sb="0" eb="2">
      <t>シリョウ</t>
    </rPh>
    <rPh sb="3" eb="5">
      <t>コクホ</t>
    </rPh>
    <rPh sb="5" eb="8">
      <t>イリョウカ</t>
    </rPh>
    <rPh sb="9" eb="11">
      <t>コソダ</t>
    </rPh>
    <rPh sb="12" eb="14">
      <t>シエン</t>
    </rPh>
    <rPh sb="14" eb="15">
      <t>カ</t>
    </rPh>
    <phoneticPr fontId="4"/>
  </si>
  <si>
    <t>資料：（公社）京田辺市シルバー人材センター</t>
    <rPh sb="0" eb="2">
      <t>シリョウ</t>
    </rPh>
    <rPh sb="4" eb="6">
      <t>コウシャ</t>
    </rPh>
    <rPh sb="7" eb="11">
      <t>キョウタナベシ</t>
    </rPh>
    <rPh sb="15" eb="17">
      <t>ジンザイ</t>
    </rPh>
    <phoneticPr fontId="4"/>
  </si>
  <si>
    <t>注１　被保護世帯数、被保護人員及び保護率は年度平均の数値。</t>
    <phoneticPr fontId="4"/>
  </si>
  <si>
    <t>２０．社会福祉センター利用状況</t>
    <rPh sb="3" eb="5">
      <t>シャカイ</t>
    </rPh>
    <rPh sb="5" eb="7">
      <t>フクシ</t>
    </rPh>
    <rPh sb="11" eb="13">
      <t>リヨウ</t>
    </rPh>
    <rPh sb="13" eb="15">
      <t>ジョウキョウ</t>
    </rPh>
    <phoneticPr fontId="4"/>
  </si>
  <si>
    <t>単位：件、人</t>
    <rPh sb="0" eb="2">
      <t>タンイ</t>
    </rPh>
    <rPh sb="3" eb="4">
      <t>ケン</t>
    </rPh>
    <rPh sb="5" eb="6">
      <t>ヒト</t>
    </rPh>
    <phoneticPr fontId="4"/>
  </si>
  <si>
    <t>　　65歳～75歳未満</t>
    <phoneticPr fontId="4"/>
  </si>
  <si>
    <t>　　75歳以上</t>
    <phoneticPr fontId="4"/>
  </si>
  <si>
    <t>国の児童手当</t>
    <phoneticPr fontId="4"/>
  </si>
  <si>
    <t>ボランティア室</t>
    <rPh sb="6" eb="7">
      <t>シツ</t>
    </rPh>
    <phoneticPr fontId="4"/>
  </si>
  <si>
    <t>（人）</t>
    <rPh sb="1" eb="2">
      <t>ニン</t>
    </rPh>
    <phoneticPr fontId="4"/>
  </si>
  <si>
    <t>利用者実人員</t>
  </si>
  <si>
    <t>延べ利用回数</t>
  </si>
  <si>
    <t>居住設備改善費
支給事業</t>
  </si>
  <si>
    <t>給食サービス</t>
  </si>
  <si>
    <t>延べ食数</t>
  </si>
  <si>
    <t>（食）</t>
  </si>
  <si>
    <t>緊急通報装置設置数</t>
  </si>
  <si>
    <t>（台）</t>
  </si>
  <si>
    <t>福祉電話貸与数</t>
  </si>
  <si>
    <t>養護老人ホーム　　　　　　　　入所状況</t>
  </si>
  <si>
    <t>重度心身障害者
老人健康管理事業</t>
  </si>
  <si>
    <t>受給対象者</t>
  </si>
  <si>
    <t>給付額</t>
  </si>
  <si>
    <t>はり・きゅう・マッサージ
施術費助成費</t>
  </si>
  <si>
    <t>申請者数</t>
  </si>
  <si>
    <t>後期高齢者医療離脱</t>
  </si>
  <si>
    <t>後期高齢者医療加入</t>
  </si>
  <si>
    <t>療養費</t>
    <phoneticPr fontId="4"/>
  </si>
  <si>
    <t>６５～７０歳未満　
所得制限あり</t>
    <phoneticPr fontId="4"/>
  </si>
  <si>
    <t>（人）</t>
    <phoneticPr fontId="4"/>
  </si>
  <si>
    <t>対象者</t>
    <phoneticPr fontId="4"/>
  </si>
  <si>
    <r>
      <rPr>
        <sz val="10"/>
        <rFont val="ＭＳ Ｐ明朝"/>
        <family val="1"/>
        <charset val="128"/>
      </rPr>
      <t>（再掲）</t>
    </r>
    <r>
      <rPr>
        <sz val="9"/>
        <rFont val="ＭＳ Ｐ明朝"/>
        <family val="1"/>
        <charset val="128"/>
      </rPr>
      <t xml:space="preserve">
住所地特例被保険者</t>
    </r>
    <phoneticPr fontId="4"/>
  </si>
  <si>
    <t>区分</t>
    <rPh sb="0" eb="2">
      <t>クブン</t>
    </rPh>
    <phoneticPr fontId="4"/>
  </si>
  <si>
    <t>会員
（人）</t>
    <rPh sb="0" eb="2">
      <t>カイイン</t>
    </rPh>
    <rPh sb="4" eb="5">
      <t>ニン</t>
    </rPh>
    <phoneticPr fontId="4"/>
  </si>
  <si>
    <t>就　　　業　　　人　　　員</t>
    <rPh sb="0" eb="1">
      <t>シュウ</t>
    </rPh>
    <rPh sb="4" eb="5">
      <t>ギョウ</t>
    </rPh>
    <rPh sb="8" eb="9">
      <t>ヒト</t>
    </rPh>
    <rPh sb="12" eb="13">
      <t>イン</t>
    </rPh>
    <phoneticPr fontId="4"/>
  </si>
  <si>
    <t>受注状況</t>
    <phoneticPr fontId="4"/>
  </si>
  <si>
    <t>就業実人員（人）</t>
    <rPh sb="0" eb="2">
      <t>シュウギョウ</t>
    </rPh>
    <rPh sb="2" eb="3">
      <t>ジツ</t>
    </rPh>
    <rPh sb="3" eb="5">
      <t>ジンイン</t>
    </rPh>
    <rPh sb="6" eb="7">
      <t>ニン</t>
    </rPh>
    <phoneticPr fontId="4"/>
  </si>
  <si>
    <t>就業延人員（人日）</t>
    <rPh sb="0" eb="2">
      <t>シュウギョウ</t>
    </rPh>
    <rPh sb="2" eb="3">
      <t>ノ</t>
    </rPh>
    <rPh sb="3" eb="5">
      <t>ジンイン</t>
    </rPh>
    <rPh sb="6" eb="8">
      <t>ニンニチ</t>
    </rPh>
    <phoneticPr fontId="4"/>
  </si>
  <si>
    <t>受注件数（件）</t>
    <rPh sb="0" eb="2">
      <t>ジュチュウ</t>
    </rPh>
    <rPh sb="2" eb="4">
      <t>ケンスウ</t>
    </rPh>
    <rPh sb="5" eb="6">
      <t>ケン</t>
    </rPh>
    <phoneticPr fontId="4"/>
  </si>
  <si>
    <t>契約金額（千円）</t>
    <rPh sb="0" eb="3">
      <t>ケイヤクキン</t>
    </rPh>
    <rPh sb="3" eb="4">
      <t>ガク</t>
    </rPh>
    <rPh sb="5" eb="7">
      <t>センエン</t>
    </rPh>
    <phoneticPr fontId="4"/>
  </si>
  <si>
    <t>年</t>
    <rPh sb="0" eb="1">
      <t>ネン</t>
    </rPh>
    <phoneticPr fontId="4"/>
  </si>
  <si>
    <t>請負事業</t>
    <rPh sb="0" eb="2">
      <t>ウケオイ</t>
    </rPh>
    <rPh sb="2" eb="4">
      <t>ジギョウ</t>
    </rPh>
    <phoneticPr fontId="4"/>
  </si>
  <si>
    <t>派遣事業</t>
    <rPh sb="0" eb="2">
      <t>ハケン</t>
    </rPh>
    <rPh sb="2" eb="4">
      <t>ジギョウ</t>
    </rPh>
    <phoneticPr fontId="4"/>
  </si>
  <si>
    <t>計</t>
    <rPh sb="0" eb="1">
      <t>ケイ</t>
    </rPh>
    <phoneticPr fontId="4"/>
  </si>
  <si>
    <t>くらしサポート資金貸付</t>
    <rPh sb="9" eb="11">
      <t>カシツケ</t>
    </rPh>
    <phoneticPr fontId="2"/>
  </si>
  <si>
    <t>就労自立給付金</t>
    <rPh sb="0" eb="2">
      <t>シュウロウ</t>
    </rPh>
    <rPh sb="2" eb="4">
      <t>ジリツ</t>
    </rPh>
    <rPh sb="4" eb="7">
      <t>キュウフキン</t>
    </rPh>
    <phoneticPr fontId="2"/>
  </si>
  <si>
    <t>就学準備給付金</t>
    <rPh sb="0" eb="2">
      <t>シュウガク</t>
    </rPh>
    <rPh sb="2" eb="4">
      <t>ジュンビ</t>
    </rPh>
    <rPh sb="4" eb="7">
      <t>キュウフキン</t>
    </rPh>
    <phoneticPr fontId="2"/>
  </si>
  <si>
    <t>資料：市民年金課、高齢者支援課</t>
    <rPh sb="0" eb="2">
      <t>シリョウ</t>
    </rPh>
    <rPh sb="3" eb="5">
      <t>シミン</t>
    </rPh>
    <rPh sb="9" eb="12">
      <t>コウレイシャ</t>
    </rPh>
    <rPh sb="12" eb="15">
      <t>シエンカ</t>
    </rPh>
    <phoneticPr fontId="4"/>
  </si>
  <si>
    <t>資料：高齢者支援課</t>
    <rPh sb="0" eb="2">
      <t>シリョウ</t>
    </rPh>
    <rPh sb="3" eb="6">
      <t>コウレイシャ</t>
    </rPh>
    <rPh sb="6" eb="9">
      <t>シエンカ</t>
    </rPh>
    <phoneticPr fontId="4"/>
  </si>
  <si>
    <t>資料：障がい福祉課</t>
    <rPh sb="3" eb="4">
      <t>ショウ</t>
    </rPh>
    <rPh sb="6" eb="9">
      <t>フクシカ</t>
    </rPh>
    <phoneticPr fontId="4"/>
  </si>
  <si>
    <t>資料：介護保険課</t>
    <rPh sb="0" eb="2">
      <t>シリョウ</t>
    </rPh>
    <rPh sb="3" eb="5">
      <t>カイゴ</t>
    </rPh>
    <rPh sb="5" eb="8">
      <t>ホケンカ</t>
    </rPh>
    <phoneticPr fontId="4"/>
  </si>
  <si>
    <t>資料：介護保険課</t>
    <rPh sb="3" eb="5">
      <t>カイゴ</t>
    </rPh>
    <rPh sb="5" eb="8">
      <t>ホケンカ</t>
    </rPh>
    <phoneticPr fontId="4"/>
  </si>
  <si>
    <t>①保険給付費のうち療養給付費</t>
    <rPh sb="1" eb="3">
      <t>ホケン</t>
    </rPh>
    <rPh sb="3" eb="6">
      <t>キュウフヒ</t>
    </rPh>
    <rPh sb="9" eb="13">
      <t>リョウヨウキュウフ</t>
    </rPh>
    <rPh sb="13" eb="14">
      <t>ヒ</t>
    </rPh>
    <phoneticPr fontId="4"/>
  </si>
  <si>
    <t>２４．医療費助成</t>
    <rPh sb="3" eb="6">
      <t>イリョウヒ</t>
    </rPh>
    <rPh sb="6" eb="8">
      <t>ジョセイ</t>
    </rPh>
    <phoneticPr fontId="4"/>
  </si>
  <si>
    <t>２５．在宅福祉サービス利用状況</t>
    <phoneticPr fontId="4"/>
  </si>
  <si>
    <t>65歳～75歳未満</t>
    <phoneticPr fontId="4"/>
  </si>
  <si>
    <t>資料：高齢者支援課、国保医療課</t>
    <rPh sb="0" eb="2">
      <t>シリョウ</t>
    </rPh>
    <rPh sb="3" eb="6">
      <t>コウレイシャ</t>
    </rPh>
    <rPh sb="6" eb="9">
      <t>シエンカ</t>
    </rPh>
    <rPh sb="10" eb="12">
      <t>コクホ</t>
    </rPh>
    <rPh sb="12" eb="15">
      <t>イリョウカ</t>
    </rPh>
    <phoneticPr fontId="4"/>
  </si>
  <si>
    <t>資料：保育幼稚園課</t>
    <rPh sb="3" eb="5">
      <t>ホイク</t>
    </rPh>
    <rPh sb="5" eb="9">
      <t>ヨウチエンカ</t>
    </rPh>
    <phoneticPr fontId="4"/>
  </si>
  <si>
    <t>ひとり親医療</t>
    <rPh sb="3" eb="4">
      <t>オヤ</t>
    </rPh>
    <phoneticPr fontId="4"/>
  </si>
  <si>
    <t>国民健康保険事業費
納付金</t>
    <rPh sb="0" eb="2">
      <t>コクミン</t>
    </rPh>
    <rPh sb="2" eb="4">
      <t>ケンコウ</t>
    </rPh>
    <rPh sb="4" eb="6">
      <t>ホケン</t>
    </rPh>
    <rPh sb="6" eb="9">
      <t>ジギョウヒ</t>
    </rPh>
    <rPh sb="10" eb="13">
      <t>ノウフキン</t>
    </rPh>
    <phoneticPr fontId="3"/>
  </si>
  <si>
    <t>（令和７年４月１日現在調）</t>
    <rPh sb="1" eb="3">
      <t>レイワ</t>
    </rPh>
    <phoneticPr fontId="4"/>
  </si>
  <si>
    <t>介護医療院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8">
    <numFmt numFmtId="42" formatCode="_ &quot;¥&quot;* #,##0_ ;_ &quot;¥&quot;* \-#,##0_ ;_ &quot;¥&quot;* &quot;-&quot;_ ;_ @_ "/>
    <numFmt numFmtId="41" formatCode="_ * #,##0_ ;_ * \-#,##0_ ;_ * &quot;-&quot;_ ;_ @_ "/>
    <numFmt numFmtId="176" formatCode="#,##0_ "/>
    <numFmt numFmtId="177" formatCode="0_);[Red]\(0\)"/>
    <numFmt numFmtId="178" formatCode="#,##0_);[Red]\(#,##0\)"/>
    <numFmt numFmtId="179" formatCode="#,##0.0_);[Red]\(#,##0.0\)"/>
    <numFmt numFmtId="180" formatCode="0.0%"/>
    <numFmt numFmtId="181" formatCode="#,##0.000_);[Red]\(#,##0.000\)"/>
    <numFmt numFmtId="182" formatCode="#,##0;[Red]#,##0"/>
    <numFmt numFmtId="183" formatCode="#,##0_ ;[Red]\-#,##0\ "/>
    <numFmt numFmtId="184" formatCode="0&quot;年&quot;"/>
    <numFmt numFmtId="185" formatCode="#,##0\ ;&quot;△&quot;\ #,##0\ ;@\ "/>
    <numFmt numFmtId="186" formatCode="0&quot;年　&quot;"/>
    <numFmt numFmtId="187" formatCode="#,##0\ ;@\ "/>
    <numFmt numFmtId="188" formatCode="_ @_ "/>
    <numFmt numFmtId="189" formatCode="&quot;令和&quot;0&quot;年&quot;"/>
    <numFmt numFmtId="190" formatCode="&quot;令和 &quot;0&quot;年&quot;"/>
    <numFmt numFmtId="191" formatCode="&quot;令和 &quot;0&quot;年　&quot;"/>
  </numFmts>
  <fonts count="2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u/>
      <sz val="11"/>
      <color indexed="36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2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2"/>
      <name val="ＭＳ Ｐ明朝"/>
      <family val="1"/>
      <charset val="128"/>
    </font>
    <font>
      <b/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9"/>
      <name val="ＭＳ Ｐ明朝"/>
      <family val="1"/>
      <charset val="128"/>
    </font>
    <font>
      <b/>
      <sz val="10"/>
      <name val="ＭＳ Ｐゴシック"/>
      <family val="3"/>
      <charset val="128"/>
    </font>
    <font>
      <b/>
      <sz val="11"/>
      <name val="ＭＳ Ｐ明朝"/>
      <family val="1"/>
      <charset val="128"/>
    </font>
    <font>
      <strike/>
      <sz val="11"/>
      <name val="ＭＳ Ｐ明朝"/>
      <family val="1"/>
      <charset val="128"/>
    </font>
    <font>
      <strike/>
      <sz val="10"/>
      <name val="ＭＳ Ｐ明朝"/>
      <family val="1"/>
      <charset val="128"/>
    </font>
    <font>
      <strike/>
      <sz val="9"/>
      <name val="ＭＳ Ｐ明朝"/>
      <family val="1"/>
      <charset val="128"/>
    </font>
    <font>
      <b/>
      <sz val="9"/>
      <name val="ＭＳ Ｐゴシック"/>
      <family val="3"/>
      <charset val="128"/>
    </font>
    <font>
      <sz val="10"/>
      <color indexed="8"/>
      <name val="ＭＳ Ｐ明朝"/>
      <family val="1"/>
      <charset val="128"/>
    </font>
    <font>
      <b/>
      <sz val="10"/>
      <color indexed="8"/>
      <name val="ＭＳ Ｐゴシック"/>
      <family val="3"/>
      <charset val="128"/>
    </font>
    <font>
      <sz val="11"/>
      <color indexed="8"/>
      <name val="ＭＳ Ｐ明朝"/>
      <family val="1"/>
      <charset val="128"/>
    </font>
    <font>
      <sz val="10"/>
      <name val="ＭＳ 明朝"/>
      <family val="1"/>
      <charset val="128"/>
    </font>
    <font>
      <sz val="10"/>
      <color rgb="FFFF0000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b/>
      <sz val="12"/>
      <color theme="1"/>
      <name val="ＭＳ Ｐゴシック"/>
      <family val="3"/>
      <charset val="128"/>
    </font>
    <font>
      <sz val="10"/>
      <color theme="1"/>
      <name val="ＭＳ Ｐ明朝"/>
      <family val="1"/>
      <charset val="128"/>
    </font>
    <font>
      <b/>
      <sz val="10"/>
      <color theme="1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</fills>
  <borders count="50">
    <border>
      <left/>
      <right/>
      <top/>
      <bottom/>
      <diagonal/>
    </border>
    <border>
      <left/>
      <right style="hair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</borders>
  <cellStyleXfs count="6">
    <xf numFmtId="0" fontId="0" fillId="0" borderId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</cellStyleXfs>
  <cellXfs count="895">
    <xf numFmtId="0" fontId="0" fillId="0" borderId="0" xfId="0"/>
    <xf numFmtId="178" fontId="5" fillId="0" borderId="0" xfId="0" applyNumberFormat="1" applyFont="1" applyAlignment="1">
      <alignment vertical="center"/>
    </xf>
    <xf numFmtId="178" fontId="5" fillId="0" borderId="0" xfId="0" applyNumberFormat="1" applyFont="1" applyAlignment="1">
      <alignment horizontal="right" vertical="center"/>
    </xf>
    <xf numFmtId="178" fontId="7" fillId="0" borderId="0" xfId="0" applyNumberFormat="1" applyFont="1" applyAlignment="1">
      <alignment horizontal="right" vertical="center"/>
    </xf>
    <xf numFmtId="178" fontId="5" fillId="0" borderId="0" xfId="0" applyNumberFormat="1" applyFont="1" applyAlignment="1">
      <alignment horizontal="right"/>
    </xf>
    <xf numFmtId="178" fontId="5" fillId="0" borderId="0" xfId="0" applyNumberFormat="1" applyFont="1" applyAlignment="1">
      <alignment horizontal="left" vertical="center"/>
    </xf>
    <xf numFmtId="0" fontId="5" fillId="0" borderId="0" xfId="0" applyFont="1" applyAlignment="1">
      <alignment vertical="center"/>
    </xf>
    <xf numFmtId="178" fontId="7" fillId="0" borderId="0" xfId="0" applyNumberFormat="1" applyFont="1" applyAlignment="1">
      <alignment vertical="center"/>
    </xf>
    <xf numFmtId="178" fontId="7" fillId="0" borderId="0" xfId="0" applyNumberFormat="1" applyFont="1" applyAlignment="1">
      <alignment horizontal="center" vertical="center"/>
    </xf>
    <xf numFmtId="178" fontId="5" fillId="0" borderId="0" xfId="0" applyNumberFormat="1" applyFont="1" applyAlignment="1">
      <alignment horizontal="center" vertical="center"/>
    </xf>
    <xf numFmtId="178" fontId="7" fillId="0" borderId="0" xfId="0" applyNumberFormat="1" applyFont="1" applyAlignment="1">
      <alignment horizontal="distributed" vertical="center"/>
    </xf>
    <xf numFmtId="178" fontId="7" fillId="0" borderId="1" xfId="0" applyNumberFormat="1" applyFont="1" applyBorder="1" applyAlignment="1">
      <alignment horizontal="distributed" vertical="center"/>
    </xf>
    <xf numFmtId="178" fontId="7" fillId="0" borderId="1" xfId="0" applyNumberFormat="1" applyFont="1" applyBorder="1" applyAlignment="1">
      <alignment horizontal="distributed" vertical="center" indent="3"/>
    </xf>
    <xf numFmtId="178" fontId="11" fillId="0" borderId="0" xfId="0" applyNumberFormat="1" applyFont="1" applyAlignment="1">
      <alignment vertical="center"/>
    </xf>
    <xf numFmtId="178" fontId="5" fillId="0" borderId="2" xfId="0" applyNumberFormat="1" applyFont="1" applyBorder="1" applyAlignment="1">
      <alignment horizontal="right"/>
    </xf>
    <xf numFmtId="178" fontId="7" fillId="0" borderId="2" xfId="0" applyNumberFormat="1" applyFont="1" applyBorder="1" applyAlignment="1">
      <alignment vertical="center"/>
    </xf>
    <xf numFmtId="178" fontId="9" fillId="0" borderId="0" xfId="0" applyNumberFormat="1" applyFont="1" applyAlignment="1">
      <alignment vertical="center"/>
    </xf>
    <xf numFmtId="178" fontId="10" fillId="0" borderId="0" xfId="0" applyNumberFormat="1" applyFont="1" applyAlignment="1">
      <alignment horizontal="left" vertical="center"/>
    </xf>
    <xf numFmtId="178" fontId="6" fillId="0" borderId="0" xfId="0" applyNumberFormat="1" applyFont="1" applyAlignment="1">
      <alignment horizontal="left" vertical="center"/>
    </xf>
    <xf numFmtId="178" fontId="5" fillId="0" borderId="2" xfId="0" applyNumberFormat="1" applyFont="1" applyBorder="1" applyAlignment="1">
      <alignment horizontal="left" vertical="center"/>
    </xf>
    <xf numFmtId="178" fontId="7" fillId="0" borderId="0" xfId="0" applyNumberFormat="1" applyFont="1" applyAlignment="1">
      <alignment horizontal="left" vertical="center"/>
    </xf>
    <xf numFmtId="0" fontId="5" fillId="0" borderId="0" xfId="0" applyFont="1" applyAlignment="1">
      <alignment horizontal="left" vertical="center"/>
    </xf>
    <xf numFmtId="178" fontId="10" fillId="0" borderId="0" xfId="0" applyNumberFormat="1" applyFont="1" applyAlignment="1">
      <alignment horizontal="center" vertical="center"/>
    </xf>
    <xf numFmtId="178" fontId="7" fillId="0" borderId="3" xfId="0" applyNumberFormat="1" applyFont="1" applyBorder="1" applyAlignment="1">
      <alignment vertical="center"/>
    </xf>
    <xf numFmtId="0" fontId="7" fillId="0" borderId="0" xfId="0" applyFont="1" applyAlignment="1">
      <alignment horizontal="right" vertical="center"/>
    </xf>
    <xf numFmtId="178" fontId="11" fillId="0" borderId="0" xfId="0" applyNumberFormat="1" applyFont="1" applyAlignment="1">
      <alignment horizontal="left" vertical="center"/>
    </xf>
    <xf numFmtId="178" fontId="5" fillId="2" borderId="0" xfId="0" applyNumberFormat="1" applyFont="1" applyFill="1" applyAlignment="1">
      <alignment vertical="center"/>
    </xf>
    <xf numFmtId="178" fontId="0" fillId="0" borderId="0" xfId="0" applyNumberFormat="1" applyAlignment="1">
      <alignment horizontal="left" vertical="center"/>
    </xf>
    <xf numFmtId="178" fontId="0" fillId="0" borderId="0" xfId="0" applyNumberFormat="1" applyAlignment="1">
      <alignment vertical="center"/>
    </xf>
    <xf numFmtId="178" fontId="0" fillId="0" borderId="0" xfId="0" applyNumberFormat="1" applyAlignment="1">
      <alignment horizontal="right" vertical="center"/>
    </xf>
    <xf numFmtId="0" fontId="5" fillId="0" borderId="0" xfId="0" applyFont="1" applyAlignment="1">
      <alignment horizontal="right" vertical="center"/>
    </xf>
    <xf numFmtId="0" fontId="5" fillId="0" borderId="2" xfId="0" applyFont="1" applyBorder="1" applyAlignment="1">
      <alignment horizontal="right" vertical="center"/>
    </xf>
    <xf numFmtId="0" fontId="5" fillId="0" borderId="2" xfId="0" applyFont="1" applyBorder="1" applyAlignment="1">
      <alignment horizontal="right"/>
    </xf>
    <xf numFmtId="178" fontId="5" fillId="0" borderId="2" xfId="0" applyNumberFormat="1" applyFont="1" applyBorder="1" applyAlignment="1">
      <alignment horizontal="right" vertical="center"/>
    </xf>
    <xf numFmtId="178" fontId="5" fillId="0" borderId="0" xfId="0" applyNumberFormat="1" applyFont="1" applyAlignment="1">
      <alignment horizontal="right" vertical="center" wrapText="1"/>
    </xf>
    <xf numFmtId="181" fontId="5" fillId="0" borderId="0" xfId="0" applyNumberFormat="1" applyFont="1" applyAlignment="1">
      <alignment vertical="center"/>
    </xf>
    <xf numFmtId="179" fontId="5" fillId="0" borderId="0" xfId="0" applyNumberFormat="1" applyFont="1" applyAlignment="1">
      <alignment vertical="center"/>
    </xf>
    <xf numFmtId="179" fontId="13" fillId="0" borderId="0" xfId="0" applyNumberFormat="1" applyFont="1" applyAlignment="1">
      <alignment vertical="center"/>
    </xf>
    <xf numFmtId="0" fontId="5" fillId="0" borderId="0" xfId="0" applyFont="1"/>
    <xf numFmtId="178" fontId="7" fillId="0" borderId="4" xfId="0" applyNumberFormat="1" applyFont="1" applyBorder="1" applyAlignment="1">
      <alignment horizontal="right" vertical="center"/>
    </xf>
    <xf numFmtId="178" fontId="5" fillId="0" borderId="0" xfId="0" applyNumberFormat="1" applyFont="1" applyAlignment="1">
      <alignment horizontal="distributed" vertical="center"/>
    </xf>
    <xf numFmtId="0" fontId="9" fillId="0" borderId="0" xfId="0" applyFont="1" applyAlignment="1">
      <alignment vertical="center"/>
    </xf>
    <xf numFmtId="180" fontId="5" fillId="0" borderId="0" xfId="1" applyNumberFormat="1" applyFont="1" applyFill="1" applyBorder="1" applyAlignment="1" applyProtection="1">
      <alignment vertical="center"/>
    </xf>
    <xf numFmtId="178" fontId="13" fillId="0" borderId="0" xfId="0" applyNumberFormat="1" applyFont="1" applyAlignment="1">
      <alignment vertical="center"/>
    </xf>
    <xf numFmtId="178" fontId="7" fillId="0" borderId="0" xfId="0" applyNumberFormat="1" applyFont="1" applyAlignment="1">
      <alignment horizontal="distributed" vertical="center" wrapText="1"/>
    </xf>
    <xf numFmtId="0" fontId="6" fillId="0" borderId="0" xfId="4" applyFont="1" applyAlignment="1">
      <alignment horizontal="left" vertical="center"/>
    </xf>
    <xf numFmtId="0" fontId="5" fillId="0" borderId="0" xfId="4" applyFont="1" applyAlignment="1">
      <alignment horizontal="left" vertical="center"/>
    </xf>
    <xf numFmtId="0" fontId="5" fillId="0" borderId="0" xfId="4" applyFont="1" applyAlignment="1">
      <alignment horizontal="right"/>
    </xf>
    <xf numFmtId="178" fontId="7" fillId="0" borderId="0" xfId="4" applyNumberFormat="1" applyFont="1">
      <alignment vertical="center"/>
    </xf>
    <xf numFmtId="178" fontId="5" fillId="0" borderId="0" xfId="4" applyNumberFormat="1" applyFont="1">
      <alignment vertical="center"/>
    </xf>
    <xf numFmtId="178" fontId="7" fillId="0" borderId="0" xfId="4" applyNumberFormat="1" applyFont="1" applyAlignment="1">
      <alignment horizontal="right" vertical="center"/>
    </xf>
    <xf numFmtId="178" fontId="7" fillId="0" borderId="5" xfId="0" applyNumberFormat="1" applyFont="1" applyBorder="1" applyAlignment="1">
      <alignment vertical="center"/>
    </xf>
    <xf numFmtId="178" fontId="7" fillId="0" borderId="6" xfId="0" applyNumberFormat="1" applyFont="1" applyBorder="1" applyAlignment="1">
      <alignment vertical="center"/>
    </xf>
    <xf numFmtId="178" fontId="14" fillId="0" borderId="0" xfId="0" applyNumberFormat="1" applyFont="1" applyAlignment="1">
      <alignment vertical="center"/>
    </xf>
    <xf numFmtId="178" fontId="5" fillId="0" borderId="2" xfId="0" applyNumberFormat="1" applyFont="1" applyBorder="1" applyAlignment="1">
      <alignment vertical="center"/>
    </xf>
    <xf numFmtId="178" fontId="5" fillId="0" borderId="4" xfId="0" applyNumberFormat="1" applyFont="1" applyBorder="1" applyAlignment="1">
      <alignment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right"/>
    </xf>
    <xf numFmtId="0" fontId="11" fillId="0" borderId="0" xfId="0" applyFont="1" applyAlignment="1">
      <alignment vertical="center"/>
    </xf>
    <xf numFmtId="178" fontId="15" fillId="0" borderId="0" xfId="0" applyNumberFormat="1" applyFont="1" applyAlignment="1">
      <alignment vertical="center"/>
    </xf>
    <xf numFmtId="0" fontId="0" fillId="0" borderId="0" xfId="0" applyAlignment="1">
      <alignment vertical="center"/>
    </xf>
    <xf numFmtId="0" fontId="0" fillId="0" borderId="4" xfId="0" applyBorder="1" applyAlignment="1">
      <alignment vertical="center"/>
    </xf>
    <xf numFmtId="0" fontId="0" fillId="0" borderId="0" xfId="4" applyFont="1" applyAlignment="1">
      <alignment horizontal="left" vertical="center"/>
    </xf>
    <xf numFmtId="0" fontId="0" fillId="0" borderId="0" xfId="0" applyAlignment="1">
      <alignment horizontal="left" vertical="center"/>
    </xf>
    <xf numFmtId="178" fontId="16" fillId="0" borderId="0" xfId="0" applyNumberFormat="1" applyFont="1" applyAlignment="1">
      <alignment vertical="center"/>
    </xf>
    <xf numFmtId="178" fontId="7" fillId="0" borderId="1" xfId="0" applyNumberFormat="1" applyFont="1" applyBorder="1" applyAlignment="1">
      <alignment vertical="center"/>
    </xf>
    <xf numFmtId="178" fontId="7" fillId="0" borderId="7" xfId="0" applyNumberFormat="1" applyFont="1" applyBorder="1" applyAlignment="1">
      <alignment vertical="center"/>
    </xf>
    <xf numFmtId="178" fontId="5" fillId="0" borderId="8" xfId="0" applyNumberFormat="1" applyFont="1" applyBorder="1" applyAlignment="1">
      <alignment vertical="center"/>
    </xf>
    <xf numFmtId="178" fontId="7" fillId="0" borderId="8" xfId="0" applyNumberFormat="1" applyFont="1" applyBorder="1" applyAlignment="1">
      <alignment vertical="center"/>
    </xf>
    <xf numFmtId="178" fontId="18" fillId="0" borderId="0" xfId="0" applyNumberFormat="1" applyFont="1" applyAlignment="1">
      <alignment horizontal="distributed" vertical="center" indent="2" shrinkToFit="1"/>
    </xf>
    <xf numFmtId="178" fontId="18" fillId="0" borderId="1" xfId="0" applyNumberFormat="1" applyFont="1" applyBorder="1" applyAlignment="1">
      <alignment horizontal="distributed" vertical="center" indent="2" shrinkToFit="1"/>
    </xf>
    <xf numFmtId="178" fontId="20" fillId="0" borderId="5" xfId="0" applyNumberFormat="1" applyFont="1" applyBorder="1" applyAlignment="1">
      <alignment vertical="center"/>
    </xf>
    <xf numFmtId="178" fontId="18" fillId="0" borderId="0" xfId="0" applyNumberFormat="1" applyFont="1" applyAlignment="1">
      <alignment horizontal="distributed" vertical="center" indent="2"/>
    </xf>
    <xf numFmtId="178" fontId="18" fillId="0" borderId="1" xfId="0" applyNumberFormat="1" applyFont="1" applyBorder="1" applyAlignment="1">
      <alignment horizontal="distributed" vertical="center" indent="2"/>
    </xf>
    <xf numFmtId="178" fontId="20" fillId="0" borderId="6" xfId="0" applyNumberFormat="1" applyFont="1" applyBorder="1" applyAlignment="1">
      <alignment vertical="center"/>
    </xf>
    <xf numFmtId="178" fontId="18" fillId="0" borderId="2" xfId="0" applyNumberFormat="1" applyFont="1" applyBorder="1" applyAlignment="1">
      <alignment horizontal="distributed" vertical="center" indent="2"/>
    </xf>
    <xf numFmtId="178" fontId="18" fillId="0" borderId="3" xfId="0" applyNumberFormat="1" applyFont="1" applyBorder="1" applyAlignment="1">
      <alignment horizontal="distributed" vertical="center" indent="2"/>
    </xf>
    <xf numFmtId="178" fontId="5" fillId="0" borderId="0" xfId="0" applyNumberFormat="1" applyFont="1" applyAlignment="1" applyProtection="1">
      <alignment vertical="center"/>
      <protection locked="0"/>
    </xf>
    <xf numFmtId="178" fontId="22" fillId="0" borderId="0" xfId="0" applyNumberFormat="1" applyFont="1" applyAlignment="1">
      <alignment horizontal="right" vertical="center"/>
    </xf>
    <xf numFmtId="178" fontId="23" fillId="0" borderId="0" xfId="0" applyNumberFormat="1" applyFont="1" applyAlignment="1">
      <alignment vertical="center"/>
    </xf>
    <xf numFmtId="178" fontId="24" fillId="0" borderId="0" xfId="0" applyNumberFormat="1" applyFont="1" applyAlignment="1">
      <alignment vertical="center"/>
    </xf>
    <xf numFmtId="38" fontId="7" fillId="0" borderId="8" xfId="3" applyFont="1" applyFill="1" applyBorder="1" applyAlignment="1" applyProtection="1">
      <alignment vertical="center"/>
    </xf>
    <xf numFmtId="38" fontId="12" fillId="0" borderId="7" xfId="3" applyFont="1" applyFill="1" applyBorder="1" applyAlignment="1" applyProtection="1">
      <alignment vertical="center"/>
      <protection locked="0"/>
    </xf>
    <xf numFmtId="178" fontId="7" fillId="0" borderId="5" xfId="0" applyNumberFormat="1" applyFont="1" applyBorder="1" applyAlignment="1">
      <alignment horizontal="right" vertical="center"/>
    </xf>
    <xf numFmtId="178" fontId="7" fillId="0" borderId="10" xfId="0" applyNumberFormat="1" applyFont="1" applyBorder="1" applyAlignment="1">
      <alignment horizontal="right" vertical="center"/>
    </xf>
    <xf numFmtId="178" fontId="7" fillId="0" borderId="1" xfId="0" applyNumberFormat="1" applyFont="1" applyBorder="1" applyAlignment="1">
      <alignment horizontal="right" vertical="center"/>
    </xf>
    <xf numFmtId="178" fontId="25" fillId="0" borderId="0" xfId="0" applyNumberFormat="1" applyFont="1" applyAlignment="1">
      <alignment horizontal="left" vertical="center"/>
    </xf>
    <xf numFmtId="38" fontId="7" fillId="0" borderId="8" xfId="3" applyFont="1" applyFill="1" applyBorder="1" applyAlignment="1" applyProtection="1">
      <alignment vertical="center"/>
      <protection locked="0"/>
    </xf>
    <xf numFmtId="178" fontId="7" fillId="0" borderId="8" xfId="0" applyNumberFormat="1" applyFont="1" applyBorder="1" applyAlignment="1">
      <alignment horizontal="distributed" vertical="center" indent="1"/>
    </xf>
    <xf numFmtId="178" fontId="7" fillId="0" borderId="0" xfId="0" applyNumberFormat="1" applyFont="1" applyBorder="1" applyAlignment="1">
      <alignment horizontal="distributed" vertical="center" indent="1"/>
    </xf>
    <xf numFmtId="178" fontId="7" fillId="0" borderId="0" xfId="0" applyNumberFormat="1" applyFont="1" applyBorder="1" applyAlignment="1">
      <alignment horizontal="center" vertical="center"/>
    </xf>
    <xf numFmtId="178" fontId="7" fillId="0" borderId="1" xfId="0" applyNumberFormat="1" applyFont="1" applyBorder="1" applyAlignment="1">
      <alignment horizontal="center" vertical="center"/>
    </xf>
    <xf numFmtId="187" fontId="12" fillId="0" borderId="0" xfId="0" applyNumberFormat="1" applyFont="1" applyAlignment="1">
      <alignment horizontal="right" vertical="center"/>
    </xf>
    <xf numFmtId="187" fontId="12" fillId="0" borderId="11" xfId="0" applyNumberFormat="1" applyFont="1" applyBorder="1" applyAlignment="1">
      <alignment horizontal="right" vertical="center"/>
    </xf>
    <xf numFmtId="187" fontId="12" fillId="0" borderId="0" xfId="0" applyNumberFormat="1" applyFont="1" applyAlignment="1" applyProtection="1">
      <alignment horizontal="right" vertical="center"/>
      <protection locked="0"/>
    </xf>
    <xf numFmtId="187" fontId="7" fillId="0" borderId="16" xfId="0" applyNumberFormat="1" applyFont="1" applyBorder="1" applyAlignment="1" applyProtection="1">
      <alignment horizontal="right" vertical="center"/>
      <protection locked="0"/>
    </xf>
    <xf numFmtId="187" fontId="7" fillId="0" borderId="16" xfId="0" applyNumberFormat="1" applyFont="1" applyBorder="1" applyAlignment="1">
      <alignment horizontal="right" vertical="center"/>
    </xf>
    <xf numFmtId="187" fontId="7" fillId="0" borderId="0" xfId="0" applyNumberFormat="1" applyFont="1" applyAlignment="1" applyProtection="1">
      <alignment horizontal="right" vertical="center"/>
      <protection locked="0"/>
    </xf>
    <xf numFmtId="187" fontId="7" fillId="0" borderId="0" xfId="0" applyNumberFormat="1" applyFont="1" applyAlignment="1">
      <alignment horizontal="right" vertical="center"/>
    </xf>
    <xf numFmtId="187" fontId="7" fillId="0" borderId="11" xfId="0" applyNumberFormat="1" applyFont="1" applyBorder="1" applyAlignment="1">
      <alignment horizontal="right" vertical="center"/>
    </xf>
    <xf numFmtId="187" fontId="7" fillId="0" borderId="8" xfId="0" applyNumberFormat="1" applyFont="1" applyBorder="1" applyAlignment="1">
      <alignment horizontal="right" vertical="center"/>
    </xf>
    <xf numFmtId="178" fontId="11" fillId="0" borderId="19" xfId="0" applyNumberFormat="1" applyFont="1" applyBorder="1" applyAlignment="1">
      <alignment horizontal="center" vertical="center" wrapText="1"/>
    </xf>
    <xf numFmtId="178" fontId="11" fillId="0" borderId="4" xfId="0" applyNumberFormat="1" applyFont="1" applyBorder="1" applyAlignment="1">
      <alignment horizontal="center" vertical="center" wrapText="1"/>
    </xf>
    <xf numFmtId="178" fontId="11" fillId="0" borderId="36" xfId="0" applyNumberFormat="1" applyFont="1" applyBorder="1" applyAlignment="1">
      <alignment horizontal="center" vertical="center" wrapText="1"/>
    </xf>
    <xf numFmtId="178" fontId="11" fillId="0" borderId="20" xfId="0" applyNumberFormat="1" applyFont="1" applyBorder="1" applyAlignment="1">
      <alignment horizontal="center" vertical="center" wrapText="1"/>
    </xf>
    <xf numFmtId="178" fontId="11" fillId="0" borderId="16" xfId="0" applyNumberFormat="1" applyFont="1" applyBorder="1" applyAlignment="1">
      <alignment horizontal="center" vertical="center" wrapText="1"/>
    </xf>
    <xf numFmtId="178" fontId="11" fillId="0" borderId="37" xfId="0" applyNumberFormat="1" applyFont="1" applyBorder="1" applyAlignment="1">
      <alignment horizontal="center" vertical="center" wrapText="1"/>
    </xf>
    <xf numFmtId="178" fontId="12" fillId="0" borderId="0" xfId="0" applyNumberFormat="1" applyFont="1" applyAlignment="1" applyProtection="1">
      <alignment vertical="center"/>
      <protection locked="0"/>
    </xf>
    <xf numFmtId="178" fontId="12" fillId="0" borderId="11" xfId="0" applyNumberFormat="1" applyFont="1" applyBorder="1" applyAlignment="1" applyProtection="1">
      <alignment vertical="center"/>
      <protection locked="0"/>
    </xf>
    <xf numFmtId="178" fontId="7" fillId="0" borderId="14" xfId="0" applyNumberFormat="1" applyFont="1" applyBorder="1" applyAlignment="1">
      <alignment horizontal="center" vertical="center"/>
    </xf>
    <xf numFmtId="178" fontId="7" fillId="0" borderId="28" xfId="0" applyNumberFormat="1" applyFont="1" applyBorder="1" applyAlignment="1">
      <alignment horizontal="center" vertical="center"/>
    </xf>
    <xf numFmtId="178" fontId="7" fillId="0" borderId="9" xfId="0" applyNumberFormat="1" applyFont="1" applyBorder="1" applyAlignment="1">
      <alignment horizontal="distributed" vertical="center" indent="1"/>
    </xf>
    <xf numFmtId="178" fontId="7" fillId="0" borderId="14" xfId="0" applyNumberFormat="1" applyFont="1" applyBorder="1" applyAlignment="1">
      <alignment horizontal="distributed" vertical="center" indent="1"/>
    </xf>
    <xf numFmtId="187" fontId="12" fillId="0" borderId="2" xfId="0" applyNumberFormat="1" applyFont="1" applyBorder="1" applyAlignment="1" applyProtection="1">
      <alignment horizontal="right" vertical="center"/>
      <protection locked="0"/>
    </xf>
    <xf numFmtId="178" fontId="7" fillId="0" borderId="8" xfId="0" applyNumberFormat="1" applyFont="1" applyBorder="1" applyAlignment="1">
      <alignment vertical="center"/>
    </xf>
    <xf numFmtId="178" fontId="7" fillId="0" borderId="0" xfId="0" applyNumberFormat="1" applyFont="1" applyAlignment="1">
      <alignment vertical="center"/>
    </xf>
    <xf numFmtId="178" fontId="12" fillId="0" borderId="7" xfId="0" applyNumberFormat="1" applyFont="1" applyBorder="1" applyAlignment="1">
      <alignment horizontal="left" vertical="center" indent="2" shrinkToFit="1"/>
    </xf>
    <xf numFmtId="178" fontId="12" fillId="0" borderId="2" xfId="0" applyNumberFormat="1" applyFont="1" applyBorder="1" applyAlignment="1">
      <alignment horizontal="left" vertical="center" indent="2" shrinkToFit="1"/>
    </xf>
    <xf numFmtId="178" fontId="12" fillId="0" borderId="3" xfId="0" applyNumberFormat="1" applyFont="1" applyBorder="1" applyAlignment="1">
      <alignment horizontal="left" vertical="center" indent="2" shrinkToFit="1"/>
    </xf>
    <xf numFmtId="187" fontId="12" fillId="0" borderId="7" xfId="0" applyNumberFormat="1" applyFont="1" applyBorder="1" applyAlignment="1">
      <alignment horizontal="right" vertical="center"/>
    </xf>
    <xf numFmtId="187" fontId="12" fillId="0" borderId="2" xfId="0" applyNumberFormat="1" applyFont="1" applyBorder="1" applyAlignment="1">
      <alignment horizontal="right" vertical="center"/>
    </xf>
    <xf numFmtId="187" fontId="12" fillId="0" borderId="8" xfId="0" applyNumberFormat="1" applyFont="1" applyBorder="1" applyAlignment="1">
      <alignment horizontal="right" vertical="center"/>
    </xf>
    <xf numFmtId="178" fontId="12" fillId="0" borderId="2" xfId="0" applyNumberFormat="1" applyFont="1" applyBorder="1" applyAlignment="1" applyProtection="1">
      <alignment horizontal="right" vertical="center"/>
      <protection locked="0"/>
    </xf>
    <xf numFmtId="0" fontId="7" fillId="0" borderId="10" xfId="0" applyFont="1" applyBorder="1" applyAlignment="1">
      <alignment horizontal="right" vertical="center"/>
    </xf>
    <xf numFmtId="0" fontId="7" fillId="0" borderId="4" xfId="0" applyFont="1" applyBorder="1" applyAlignment="1">
      <alignment horizontal="right" vertical="center"/>
    </xf>
    <xf numFmtId="0" fontId="7" fillId="0" borderId="18" xfId="0" applyFont="1" applyBorder="1" applyAlignment="1">
      <alignment horizontal="right" vertical="center"/>
    </xf>
    <xf numFmtId="189" fontId="12" fillId="0" borderId="48" xfId="0" applyNumberFormat="1" applyFont="1" applyBorder="1" applyAlignment="1">
      <alignment horizontal="center" vertical="center" textRotation="255" wrapText="1"/>
    </xf>
    <xf numFmtId="189" fontId="12" fillId="0" borderId="40" xfId="0" applyNumberFormat="1" applyFont="1" applyBorder="1" applyAlignment="1">
      <alignment horizontal="center" vertical="center" textRotation="255" wrapText="1"/>
    </xf>
    <xf numFmtId="0" fontId="7" fillId="0" borderId="15" xfId="0" applyFont="1" applyBorder="1" applyAlignment="1">
      <alignment vertical="center"/>
    </xf>
    <xf numFmtId="0" fontId="7" fillId="0" borderId="16" xfId="0" applyFont="1" applyBorder="1" applyAlignment="1">
      <alignment vertical="center"/>
    </xf>
    <xf numFmtId="0" fontId="7" fillId="0" borderId="17" xfId="0" applyFont="1" applyBorder="1" applyAlignment="1">
      <alignment vertical="center"/>
    </xf>
    <xf numFmtId="178" fontId="7" fillId="0" borderId="0" xfId="0" applyNumberFormat="1" applyFont="1" applyAlignment="1" applyProtection="1">
      <alignment horizontal="right" vertical="center"/>
      <protection locked="0"/>
    </xf>
    <xf numFmtId="178" fontId="7" fillId="0" borderId="19" xfId="0" applyNumberFormat="1" applyFont="1" applyBorder="1" applyAlignment="1">
      <alignment horizontal="center" vertical="center"/>
    </xf>
    <xf numFmtId="178" fontId="7" fillId="0" borderId="4" xfId="0" applyNumberFormat="1" applyFont="1" applyBorder="1" applyAlignment="1">
      <alignment horizontal="center" vertical="center"/>
    </xf>
    <xf numFmtId="178" fontId="7" fillId="0" borderId="18" xfId="0" applyNumberFormat="1" applyFont="1" applyBorder="1" applyAlignment="1">
      <alignment horizontal="center" vertical="center"/>
    </xf>
    <xf numFmtId="178" fontId="7" fillId="0" borderId="20" xfId="0" applyNumberFormat="1" applyFont="1" applyBorder="1" applyAlignment="1">
      <alignment horizontal="center" vertical="center"/>
    </xf>
    <xf numFmtId="178" fontId="7" fillId="0" borderId="16" xfId="0" applyNumberFormat="1" applyFont="1" applyBorder="1" applyAlignment="1">
      <alignment horizontal="center" vertical="center"/>
    </xf>
    <xf numFmtId="178" fontId="7" fillId="0" borderId="17" xfId="0" applyNumberFormat="1" applyFont="1" applyBorder="1" applyAlignment="1">
      <alignment horizontal="center" vertical="center"/>
    </xf>
    <xf numFmtId="178" fontId="7" fillId="0" borderId="15" xfId="0" applyNumberFormat="1" applyFont="1" applyBorder="1" applyAlignment="1">
      <alignment horizontal="left" vertical="center"/>
    </xf>
    <xf numFmtId="178" fontId="7" fillId="0" borderId="16" xfId="0" applyNumberFormat="1" applyFont="1" applyBorder="1" applyAlignment="1">
      <alignment horizontal="left" vertical="center"/>
    </xf>
    <xf numFmtId="178" fontId="7" fillId="0" borderId="17" xfId="0" applyNumberFormat="1" applyFont="1" applyBorder="1" applyAlignment="1">
      <alignment horizontal="left" vertical="center"/>
    </xf>
    <xf numFmtId="178" fontId="7" fillId="0" borderId="0" xfId="0" applyNumberFormat="1" applyFont="1" applyAlignment="1" applyProtection="1">
      <alignment vertical="center"/>
      <protection locked="0"/>
    </xf>
    <xf numFmtId="178" fontId="7" fillId="0" borderId="28" xfId="0" applyNumberFormat="1" applyFont="1" applyBorder="1" applyAlignment="1">
      <alignment horizontal="distributed" vertical="center" indent="1"/>
    </xf>
    <xf numFmtId="178" fontId="7" fillId="0" borderId="20" xfId="0" applyNumberFormat="1" applyFont="1" applyBorder="1" applyAlignment="1">
      <alignment horizontal="distributed" vertical="center" indent="1"/>
    </xf>
    <xf numFmtId="178" fontId="7" fillId="0" borderId="16" xfId="0" applyNumberFormat="1" applyFont="1" applyBorder="1" applyAlignment="1">
      <alignment horizontal="distributed" vertical="center" indent="1"/>
    </xf>
    <xf numFmtId="178" fontId="7" fillId="0" borderId="17" xfId="0" applyNumberFormat="1" applyFont="1" applyBorder="1" applyAlignment="1">
      <alignment horizontal="distributed" vertical="center" indent="1"/>
    </xf>
    <xf numFmtId="178" fontId="7" fillId="0" borderId="9" xfId="0" applyNumberFormat="1" applyFont="1" applyBorder="1" applyAlignment="1">
      <alignment vertical="center" shrinkToFit="1"/>
    </xf>
    <xf numFmtId="178" fontId="7" fillId="0" borderId="14" xfId="0" applyNumberFormat="1" applyFont="1" applyBorder="1" applyAlignment="1">
      <alignment vertical="center" shrinkToFit="1"/>
    </xf>
    <xf numFmtId="178" fontId="7" fillId="0" borderId="28" xfId="0" applyNumberFormat="1" applyFont="1" applyBorder="1" applyAlignment="1">
      <alignment vertical="center" shrinkToFit="1"/>
    </xf>
    <xf numFmtId="178" fontId="7" fillId="0" borderId="2" xfId="0" applyNumberFormat="1" applyFont="1" applyBorder="1" applyAlignment="1">
      <alignment horizontal="center" vertical="center"/>
    </xf>
    <xf numFmtId="178" fontId="7" fillId="0" borderId="3" xfId="0" applyNumberFormat="1" applyFont="1" applyBorder="1" applyAlignment="1">
      <alignment horizontal="center" vertical="center"/>
    </xf>
    <xf numFmtId="178" fontId="7" fillId="0" borderId="0" xfId="0" applyNumberFormat="1" applyFont="1" applyAlignment="1">
      <alignment horizontal="right" vertical="center"/>
    </xf>
    <xf numFmtId="178" fontId="7" fillId="0" borderId="9" xfId="0" applyNumberFormat="1" applyFont="1" applyBorder="1" applyAlignment="1">
      <alignment horizontal="right" vertical="center"/>
    </xf>
    <xf numFmtId="178" fontId="7" fillId="0" borderId="14" xfId="0" applyNumberFormat="1" applyFont="1" applyBorder="1" applyAlignment="1">
      <alignment horizontal="right" vertical="center"/>
    </xf>
    <xf numFmtId="178" fontId="7" fillId="0" borderId="29" xfId="0" applyNumberFormat="1" applyFont="1" applyBorder="1" applyAlignment="1">
      <alignment horizontal="left" vertical="center" indent="1"/>
    </xf>
    <xf numFmtId="178" fontId="7" fillId="0" borderId="14" xfId="0" applyNumberFormat="1" applyFont="1" applyBorder="1" applyAlignment="1">
      <alignment horizontal="left" vertical="center" indent="1"/>
    </xf>
    <xf numFmtId="178" fontId="7" fillId="0" borderId="28" xfId="0" applyNumberFormat="1" applyFont="1" applyBorder="1" applyAlignment="1">
      <alignment horizontal="left" vertical="center" indent="1"/>
    </xf>
    <xf numFmtId="178" fontId="7" fillId="0" borderId="5" xfId="0" applyNumberFormat="1" applyFont="1" applyBorder="1" applyAlignment="1">
      <alignment horizontal="left" vertical="center" indent="1"/>
    </xf>
    <xf numFmtId="178" fontId="7" fillId="0" borderId="0" xfId="0" applyNumberFormat="1" applyFont="1" applyAlignment="1">
      <alignment horizontal="left" vertical="center" indent="1"/>
    </xf>
    <xf numFmtId="178" fontId="7" fillId="0" borderId="1" xfId="0" applyNumberFormat="1" applyFont="1" applyBorder="1" applyAlignment="1">
      <alignment horizontal="left" vertical="center" indent="1"/>
    </xf>
    <xf numFmtId="178" fontId="7" fillId="0" borderId="8" xfId="0" applyNumberFormat="1" applyFont="1" applyBorder="1" applyAlignment="1">
      <alignment horizontal="right" vertical="center"/>
    </xf>
    <xf numFmtId="187" fontId="12" fillId="0" borderId="27" xfId="0" applyNumberFormat="1" applyFont="1" applyBorder="1" applyAlignment="1" applyProtection="1">
      <alignment horizontal="right" vertical="center"/>
      <protection locked="0"/>
    </xf>
    <xf numFmtId="178" fontId="7" fillId="0" borderId="0" xfId="0" applyNumberFormat="1" applyFont="1" applyAlignment="1">
      <alignment horizontal="center" vertical="center"/>
    </xf>
    <xf numFmtId="178" fontId="7" fillId="0" borderId="0" xfId="0" applyNumberFormat="1" applyFont="1" applyAlignment="1">
      <alignment horizontal="distributed" vertical="center" indent="1"/>
    </xf>
    <xf numFmtId="187" fontId="12" fillId="0" borderId="11" xfId="0" applyNumberFormat="1" applyFont="1" applyBorder="1" applyAlignment="1" applyProtection="1">
      <alignment horizontal="right" vertical="center"/>
      <protection locked="0"/>
    </xf>
    <xf numFmtId="190" fontId="7" fillId="0" borderId="35" xfId="0" applyNumberFormat="1" applyFont="1" applyBorder="1" applyAlignment="1">
      <alignment horizontal="center" vertical="center"/>
    </xf>
    <xf numFmtId="190" fontId="7" fillId="0" borderId="22" xfId="0" applyNumberFormat="1" applyFont="1" applyBorder="1" applyAlignment="1">
      <alignment horizontal="center" vertical="center"/>
    </xf>
    <xf numFmtId="190" fontId="7" fillId="0" borderId="23" xfId="0" applyNumberFormat="1" applyFont="1" applyBorder="1" applyAlignment="1">
      <alignment horizontal="center" vertical="center"/>
    </xf>
    <xf numFmtId="178" fontId="7" fillId="0" borderId="8" xfId="0" applyNumberFormat="1" applyFont="1" applyBorder="1" applyAlignment="1">
      <alignment horizontal="distributed" vertical="center" indent="1" shrinkToFit="1"/>
    </xf>
    <xf numFmtId="178" fontId="7" fillId="0" borderId="0" xfId="0" applyNumberFormat="1" applyFont="1" applyAlignment="1">
      <alignment horizontal="distributed" vertical="center" indent="1" shrinkToFit="1"/>
    </xf>
    <xf numFmtId="178" fontId="12" fillId="0" borderId="0" xfId="0" applyNumberFormat="1" applyFont="1" applyAlignment="1" applyProtection="1">
      <alignment horizontal="right" vertical="center"/>
      <protection locked="0"/>
    </xf>
    <xf numFmtId="178" fontId="12" fillId="0" borderId="11" xfId="0" applyNumberFormat="1" applyFont="1" applyBorder="1" applyAlignment="1" applyProtection="1">
      <alignment horizontal="right" vertical="center"/>
      <protection locked="0"/>
    </xf>
    <xf numFmtId="178" fontId="7" fillId="0" borderId="2" xfId="0" applyNumberFormat="1" applyFont="1" applyBorder="1" applyAlignment="1" applyProtection="1">
      <alignment horizontal="right" vertical="center"/>
      <protection locked="0"/>
    </xf>
    <xf numFmtId="0" fontId="7" fillId="0" borderId="19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18" xfId="0" applyFont="1" applyBorder="1" applyAlignment="1">
      <alignment horizontal="center" vertical="center"/>
    </xf>
    <xf numFmtId="0" fontId="7" fillId="0" borderId="20" xfId="0" applyFont="1" applyBorder="1" applyAlignment="1">
      <alignment horizontal="center" vertical="center"/>
    </xf>
    <xf numFmtId="0" fontId="7" fillId="0" borderId="16" xfId="0" applyFont="1" applyBorder="1" applyAlignment="1">
      <alignment horizontal="center" vertical="center"/>
    </xf>
    <xf numFmtId="0" fontId="7" fillId="0" borderId="17" xfId="0" applyFont="1" applyBorder="1" applyAlignment="1">
      <alignment horizontal="center" vertical="center"/>
    </xf>
    <xf numFmtId="187" fontId="7" fillId="0" borderId="9" xfId="0" applyNumberFormat="1" applyFont="1" applyBorder="1" applyAlignment="1">
      <alignment horizontal="right" vertical="center"/>
    </xf>
    <xf numFmtId="187" fontId="7" fillId="0" borderId="14" xfId="0" applyNumberFormat="1" applyFont="1" applyBorder="1" applyAlignment="1">
      <alignment horizontal="right" vertical="center"/>
    </xf>
    <xf numFmtId="178" fontId="12" fillId="0" borderId="27" xfId="0" applyNumberFormat="1" applyFont="1" applyBorder="1" applyAlignment="1" applyProtection="1">
      <alignment horizontal="right" vertical="center"/>
      <protection locked="0"/>
    </xf>
    <xf numFmtId="187" fontId="7" fillId="0" borderId="37" xfId="0" applyNumberFormat="1" applyFont="1" applyBorder="1" applyAlignment="1" applyProtection="1">
      <alignment horizontal="right" vertical="center"/>
      <protection locked="0"/>
    </xf>
    <xf numFmtId="187" fontId="7" fillId="0" borderId="11" xfId="0" applyNumberFormat="1" applyFont="1" applyBorder="1" applyAlignment="1" applyProtection="1">
      <alignment horizontal="right" vertical="center"/>
      <protection locked="0"/>
    </xf>
    <xf numFmtId="187" fontId="7" fillId="0" borderId="34" xfId="0" applyNumberFormat="1" applyFont="1" applyBorder="1" applyAlignment="1">
      <alignment horizontal="right" vertical="center"/>
    </xf>
    <xf numFmtId="178" fontId="21" fillId="0" borderId="0" xfId="0" applyNumberFormat="1" applyFont="1" applyAlignment="1" applyProtection="1">
      <alignment horizontal="right" vertical="center"/>
      <protection locked="0"/>
    </xf>
    <xf numFmtId="178" fontId="21" fillId="0" borderId="7" xfId="0" applyNumberFormat="1" applyFont="1" applyBorder="1" applyAlignment="1" applyProtection="1">
      <alignment horizontal="right" vertical="center"/>
      <protection locked="0"/>
    </xf>
    <xf numFmtId="178" fontId="21" fillId="0" borderId="2" xfId="0" applyNumberFormat="1" applyFont="1" applyBorder="1" applyAlignment="1" applyProtection="1">
      <alignment horizontal="right" vertical="center"/>
      <protection locked="0"/>
    </xf>
    <xf numFmtId="178" fontId="10" fillId="0" borderId="0" xfId="0" applyNumberFormat="1" applyFont="1" applyAlignment="1">
      <alignment horizontal="center" vertical="center"/>
    </xf>
    <xf numFmtId="178" fontId="7" fillId="0" borderId="10" xfId="0" applyNumberFormat="1" applyFont="1" applyBorder="1" applyAlignment="1">
      <alignment horizontal="right" vertical="center"/>
    </xf>
    <xf numFmtId="178" fontId="7" fillId="0" borderId="4" xfId="0" applyNumberFormat="1" applyFont="1" applyBorder="1" applyAlignment="1">
      <alignment horizontal="right" vertical="center"/>
    </xf>
    <xf numFmtId="178" fontId="7" fillId="0" borderId="18" xfId="0" applyNumberFormat="1" applyFont="1" applyBorder="1" applyAlignment="1">
      <alignment horizontal="right" vertical="center"/>
    </xf>
    <xf numFmtId="190" fontId="7" fillId="0" borderId="19" xfId="0" applyNumberFormat="1" applyFont="1" applyBorder="1" applyAlignment="1">
      <alignment horizontal="center" vertical="center"/>
    </xf>
    <xf numFmtId="190" fontId="7" fillId="0" borderId="4" xfId="0" applyNumberFormat="1" applyFont="1" applyBorder="1" applyAlignment="1">
      <alignment horizontal="center" vertical="center"/>
    </xf>
    <xf numFmtId="190" fontId="7" fillId="0" borderId="18" xfId="0" applyNumberFormat="1" applyFont="1" applyBorder="1" applyAlignment="1">
      <alignment horizontal="center" vertical="center"/>
    </xf>
    <xf numFmtId="190" fontId="7" fillId="0" borderId="20" xfId="0" applyNumberFormat="1" applyFont="1" applyBorder="1" applyAlignment="1">
      <alignment horizontal="center" vertical="center"/>
    </xf>
    <xf numFmtId="190" fontId="7" fillId="0" borderId="16" xfId="0" applyNumberFormat="1" applyFont="1" applyBorder="1" applyAlignment="1">
      <alignment horizontal="center" vertical="center"/>
    </xf>
    <xf numFmtId="190" fontId="7" fillId="0" borderId="17" xfId="0" applyNumberFormat="1" applyFont="1" applyBorder="1" applyAlignment="1">
      <alignment horizontal="center" vertical="center"/>
    </xf>
    <xf numFmtId="190" fontId="12" fillId="0" borderId="4" xfId="0" applyNumberFormat="1" applyFont="1" applyBorder="1" applyAlignment="1">
      <alignment horizontal="center" vertical="center"/>
    </xf>
    <xf numFmtId="190" fontId="12" fillId="0" borderId="36" xfId="0" applyNumberFormat="1" applyFont="1" applyBorder="1" applyAlignment="1">
      <alignment horizontal="center" vertical="center"/>
    </xf>
    <xf numFmtId="190" fontId="12" fillId="0" borderId="16" xfId="0" applyNumberFormat="1" applyFont="1" applyBorder="1" applyAlignment="1">
      <alignment horizontal="center" vertical="center"/>
    </xf>
    <xf numFmtId="190" fontId="12" fillId="0" borderId="37" xfId="0" applyNumberFormat="1" applyFont="1" applyBorder="1" applyAlignment="1">
      <alignment horizontal="center" vertical="center"/>
    </xf>
    <xf numFmtId="185" fontId="7" fillId="0" borderId="0" xfId="3" applyNumberFormat="1" applyFont="1" applyFill="1" applyBorder="1" applyAlignment="1" applyProtection="1">
      <alignment horizontal="right" vertical="center"/>
    </xf>
    <xf numFmtId="178" fontId="12" fillId="4" borderId="2" xfId="0" applyNumberFormat="1" applyFont="1" applyFill="1" applyBorder="1" applyAlignment="1" applyProtection="1">
      <alignment horizontal="right" vertical="center"/>
      <protection locked="0"/>
    </xf>
    <xf numFmtId="178" fontId="12" fillId="4" borderId="27" xfId="0" applyNumberFormat="1" applyFont="1" applyFill="1" applyBorder="1" applyAlignment="1" applyProtection="1">
      <alignment horizontal="right" vertical="center"/>
      <protection locked="0"/>
    </xf>
    <xf numFmtId="190" fontId="7" fillId="0" borderId="29" xfId="0" applyNumberFormat="1" applyFont="1" applyBorder="1" applyAlignment="1">
      <alignment horizontal="right" vertical="center" indent="1"/>
    </xf>
    <xf numFmtId="190" fontId="7" fillId="0" borderId="14" xfId="0" applyNumberFormat="1" applyFont="1" applyBorder="1" applyAlignment="1">
      <alignment horizontal="right" vertical="center" indent="1"/>
    </xf>
    <xf numFmtId="190" fontId="7" fillId="0" borderId="28" xfId="0" applyNumberFormat="1" applyFont="1" applyBorder="1" applyAlignment="1">
      <alignment horizontal="right" vertical="center" indent="1"/>
    </xf>
    <xf numFmtId="178" fontId="7" fillId="0" borderId="5" xfId="0" applyNumberFormat="1" applyFont="1" applyBorder="1" applyAlignment="1">
      <alignment horizontal="left" vertical="center"/>
    </xf>
    <xf numFmtId="178" fontId="7" fillId="0" borderId="0" xfId="0" applyNumberFormat="1" applyFont="1" applyAlignment="1">
      <alignment horizontal="left" vertical="center"/>
    </xf>
    <xf numFmtId="178" fontId="7" fillId="0" borderId="1" xfId="0" applyNumberFormat="1" applyFont="1" applyBorder="1" applyAlignment="1">
      <alignment horizontal="left" vertical="center"/>
    </xf>
    <xf numFmtId="178" fontId="7" fillId="0" borderId="8" xfId="0" applyNumberFormat="1" applyFont="1" applyBorder="1" applyAlignment="1" applyProtection="1">
      <alignment horizontal="right" vertical="center"/>
      <protection locked="0"/>
    </xf>
    <xf numFmtId="178" fontId="7" fillId="0" borderId="5" xfId="0" applyNumberFormat="1" applyFont="1" applyBorder="1" applyAlignment="1">
      <alignment horizontal="right" vertical="center"/>
    </xf>
    <xf numFmtId="178" fontId="7" fillId="0" borderId="15" xfId="0" applyNumberFormat="1" applyFont="1" applyBorder="1" applyAlignment="1">
      <alignment horizontal="right" vertical="center"/>
    </xf>
    <xf numFmtId="178" fontId="7" fillId="0" borderId="16" xfId="0" applyNumberFormat="1" applyFont="1" applyBorder="1" applyAlignment="1">
      <alignment horizontal="right" vertical="center"/>
    </xf>
    <xf numFmtId="178" fontId="21" fillId="0" borderId="9" xfId="0" applyNumberFormat="1" applyFont="1" applyBorder="1" applyAlignment="1">
      <alignment horizontal="right" vertical="center"/>
    </xf>
    <xf numFmtId="178" fontId="21" fillId="0" borderId="14" xfId="0" applyNumberFormat="1" applyFont="1" applyBorder="1" applyAlignment="1">
      <alignment horizontal="right" vertical="center"/>
    </xf>
    <xf numFmtId="0" fontId="7" fillId="0" borderId="5" xfId="0" applyFont="1" applyBorder="1" applyAlignment="1">
      <alignment horizontal="distributed" vertical="center" indent="1"/>
    </xf>
    <xf numFmtId="0" fontId="7" fillId="0" borderId="0" xfId="0" applyFont="1" applyAlignment="1">
      <alignment horizontal="distributed" vertical="center" indent="1"/>
    </xf>
    <xf numFmtId="0" fontId="7" fillId="0" borderId="1" xfId="0" applyFont="1" applyBorder="1" applyAlignment="1">
      <alignment horizontal="distributed" vertical="center" indent="1"/>
    </xf>
    <xf numFmtId="178" fontId="21" fillId="0" borderId="8" xfId="0" applyNumberFormat="1" applyFont="1" applyBorder="1" applyAlignment="1" applyProtection="1">
      <alignment horizontal="right" vertical="center"/>
      <protection locked="0"/>
    </xf>
    <xf numFmtId="178" fontId="12" fillId="0" borderId="14" xfId="0" applyNumberFormat="1" applyFont="1" applyBorder="1" applyAlignment="1">
      <alignment horizontal="right" vertical="center"/>
    </xf>
    <xf numFmtId="178" fontId="12" fillId="0" borderId="34" xfId="0" applyNumberFormat="1" applyFont="1" applyBorder="1" applyAlignment="1">
      <alignment horizontal="right" vertical="center"/>
    </xf>
    <xf numFmtId="178" fontId="7" fillId="0" borderId="7" xfId="0" applyNumberFormat="1" applyFont="1" applyBorder="1" applyAlignment="1">
      <alignment horizontal="right" vertical="center"/>
    </xf>
    <xf numFmtId="178" fontId="7" fillId="0" borderId="2" xfId="0" applyNumberFormat="1" applyFont="1" applyBorder="1" applyAlignment="1">
      <alignment horizontal="right" vertical="center"/>
    </xf>
    <xf numFmtId="178" fontId="7" fillId="0" borderId="1" xfId="0" applyNumberFormat="1" applyFont="1" applyBorder="1" applyAlignment="1">
      <alignment horizontal="distributed" vertical="center" indent="1"/>
    </xf>
    <xf numFmtId="177" fontId="7" fillId="0" borderId="0" xfId="0" applyNumberFormat="1" applyFont="1" applyAlignment="1">
      <alignment horizontal="right" vertical="center"/>
    </xf>
    <xf numFmtId="0" fontId="26" fillId="0" borderId="5" xfId="0" applyFont="1" applyBorder="1" applyAlignment="1">
      <alignment horizontal="distributed" vertical="center" indent="1"/>
    </xf>
    <xf numFmtId="0" fontId="26" fillId="0" borderId="0" xfId="0" applyFont="1" applyAlignment="1">
      <alignment horizontal="distributed" vertical="center" indent="1"/>
    </xf>
    <xf numFmtId="0" fontId="26" fillId="0" borderId="1" xfId="0" applyFont="1" applyBorder="1" applyAlignment="1">
      <alignment horizontal="distributed" vertical="center" indent="1"/>
    </xf>
    <xf numFmtId="178" fontId="7" fillId="0" borderId="31" xfId="0" applyNumberFormat="1" applyFont="1" applyBorder="1" applyAlignment="1">
      <alignment horizontal="center" vertical="center"/>
    </xf>
    <xf numFmtId="178" fontId="7" fillId="0" borderId="32" xfId="0" applyNumberFormat="1" applyFont="1" applyBorder="1" applyAlignment="1">
      <alignment horizontal="center" vertical="center"/>
    </xf>
    <xf numFmtId="178" fontId="7" fillId="0" borderId="33" xfId="0" applyNumberFormat="1" applyFont="1" applyBorder="1" applyAlignment="1">
      <alignment horizontal="center" vertical="center"/>
    </xf>
    <xf numFmtId="178" fontId="12" fillId="0" borderId="30" xfId="0" applyNumberFormat="1" applyFont="1" applyBorder="1" applyAlignment="1">
      <alignment horizontal="center" vertical="center"/>
    </xf>
    <xf numFmtId="178" fontId="12" fillId="0" borderId="25" xfId="0" applyNumberFormat="1" applyFont="1" applyBorder="1" applyAlignment="1">
      <alignment horizontal="center" vertical="center"/>
    </xf>
    <xf numFmtId="178" fontId="12" fillId="0" borderId="26" xfId="0" applyNumberFormat="1" applyFont="1" applyBorder="1" applyAlignment="1">
      <alignment horizontal="center" vertical="center"/>
    </xf>
    <xf numFmtId="0" fontId="26" fillId="0" borderId="6" xfId="0" applyFont="1" applyBorder="1" applyAlignment="1">
      <alignment horizontal="distributed" vertical="center" wrapText="1" indent="1"/>
    </xf>
    <xf numFmtId="0" fontId="26" fillId="0" borderId="2" xfId="0" applyFont="1" applyBorder="1" applyAlignment="1">
      <alignment horizontal="distributed" vertical="center" wrapText="1" indent="1"/>
    </xf>
    <xf numFmtId="0" fontId="26" fillId="0" borderId="3" xfId="0" applyFont="1" applyBorder="1" applyAlignment="1">
      <alignment horizontal="distributed" vertical="center" wrapText="1" indent="1"/>
    </xf>
    <xf numFmtId="190" fontId="7" fillId="0" borderId="5" xfId="0" applyNumberFormat="1" applyFont="1" applyBorder="1" applyAlignment="1">
      <alignment horizontal="right" vertical="center" indent="1"/>
    </xf>
    <xf numFmtId="190" fontId="7" fillId="0" borderId="0" xfId="0" applyNumberFormat="1" applyFont="1" applyAlignment="1">
      <alignment horizontal="right" vertical="center" indent="1"/>
    </xf>
    <xf numFmtId="190" fontId="7" fillId="0" borderId="1" xfId="0" applyNumberFormat="1" applyFont="1" applyBorder="1" applyAlignment="1">
      <alignment horizontal="right" vertical="center" indent="1"/>
    </xf>
    <xf numFmtId="190" fontId="7" fillId="0" borderId="15" xfId="0" applyNumberFormat="1" applyFont="1" applyBorder="1" applyAlignment="1">
      <alignment horizontal="right" vertical="center" indent="1"/>
    </xf>
    <xf numFmtId="190" fontId="7" fillId="0" borderId="16" xfId="0" applyNumberFormat="1" applyFont="1" applyBorder="1" applyAlignment="1">
      <alignment horizontal="right" vertical="center" indent="1"/>
    </xf>
    <xf numFmtId="190" fontId="7" fillId="0" borderId="17" xfId="0" applyNumberFormat="1" applyFont="1" applyBorder="1" applyAlignment="1">
      <alignment horizontal="right" vertical="center" indent="1"/>
    </xf>
    <xf numFmtId="178" fontId="7" fillId="0" borderId="29" xfId="0" applyNumberFormat="1" applyFont="1" applyBorder="1" applyAlignment="1">
      <alignment horizontal="distributed" vertical="center" indent="1"/>
    </xf>
    <xf numFmtId="178" fontId="7" fillId="0" borderId="20" xfId="0" applyNumberFormat="1" applyFont="1" applyBorder="1" applyAlignment="1">
      <alignment horizontal="right" vertical="center"/>
    </xf>
    <xf numFmtId="0" fontId="7" fillId="0" borderId="29" xfId="0" applyFont="1" applyBorder="1" applyAlignment="1">
      <alignment horizontal="distributed" vertical="center" justifyLastLine="1"/>
    </xf>
    <xf numFmtId="0" fontId="7" fillId="0" borderId="14" xfId="0" applyFont="1" applyBorder="1" applyAlignment="1">
      <alignment horizontal="distributed" vertical="center" justifyLastLine="1"/>
    </xf>
    <xf numFmtId="0" fontId="7" fillId="0" borderId="28" xfId="0" applyFont="1" applyBorder="1" applyAlignment="1">
      <alignment horizontal="distributed" vertical="center" justifyLastLine="1"/>
    </xf>
    <xf numFmtId="178" fontId="12" fillId="0" borderId="20" xfId="0" applyNumberFormat="1" applyFont="1" applyBorder="1" applyAlignment="1">
      <alignment horizontal="center" vertical="center"/>
    </xf>
    <xf numFmtId="178" fontId="12" fillId="0" borderId="16" xfId="0" applyNumberFormat="1" applyFont="1" applyBorder="1" applyAlignment="1">
      <alignment horizontal="center" vertical="center"/>
    </xf>
    <xf numFmtId="178" fontId="12" fillId="0" borderId="17" xfId="0" applyNumberFormat="1" applyFont="1" applyBorder="1" applyAlignment="1">
      <alignment horizontal="center" vertical="center"/>
    </xf>
    <xf numFmtId="178" fontId="7" fillId="0" borderId="31" xfId="0" applyNumberFormat="1" applyFont="1" applyBorder="1" applyAlignment="1">
      <alignment horizontal="distributed" vertical="center"/>
    </xf>
    <xf numFmtId="178" fontId="7" fillId="0" borderId="32" xfId="0" applyNumberFormat="1" applyFont="1" applyBorder="1" applyAlignment="1">
      <alignment horizontal="distributed" vertical="center"/>
    </xf>
    <xf numFmtId="42" fontId="12" fillId="0" borderId="0" xfId="0" applyNumberFormat="1" applyFont="1" applyAlignment="1" applyProtection="1">
      <alignment horizontal="right" vertical="center"/>
      <protection locked="0"/>
    </xf>
    <xf numFmtId="42" fontId="12" fillId="0" borderId="11" xfId="0" applyNumberFormat="1" applyFont="1" applyBorder="1" applyAlignment="1" applyProtection="1">
      <alignment horizontal="right" vertical="center"/>
      <protection locked="0"/>
    </xf>
    <xf numFmtId="178" fontId="26" fillId="0" borderId="2" xfId="0" applyNumberFormat="1" applyFont="1" applyBorder="1" applyAlignment="1">
      <alignment horizontal="right" vertical="center"/>
    </xf>
    <xf numFmtId="42" fontId="7" fillId="0" borderId="0" xfId="0" applyNumberFormat="1" applyFont="1" applyAlignment="1" applyProtection="1">
      <alignment horizontal="right" vertical="center"/>
      <protection locked="0"/>
    </xf>
    <xf numFmtId="184" fontId="11" fillId="0" borderId="5" xfId="0" applyNumberFormat="1" applyFont="1" applyBorder="1" applyAlignment="1">
      <alignment horizontal="right" vertical="center"/>
    </xf>
    <xf numFmtId="184" fontId="11" fillId="0" borderId="0" xfId="0" applyNumberFormat="1" applyFont="1" applyAlignment="1">
      <alignment horizontal="right" vertical="center"/>
    </xf>
    <xf numFmtId="184" fontId="11" fillId="0" borderId="1" xfId="0" applyNumberFormat="1" applyFont="1" applyBorder="1" applyAlignment="1">
      <alignment horizontal="right" vertical="center"/>
    </xf>
    <xf numFmtId="178" fontId="26" fillId="0" borderId="0" xfId="0" applyNumberFormat="1" applyFont="1" applyAlignment="1">
      <alignment horizontal="right" vertical="center"/>
    </xf>
    <xf numFmtId="178" fontId="7" fillId="0" borderId="20" xfId="0" applyNumberFormat="1" applyFont="1" applyBorder="1" applyAlignment="1">
      <alignment vertical="center" shrinkToFit="1"/>
    </xf>
    <xf numFmtId="178" fontId="7" fillId="0" borderId="16" xfId="0" applyNumberFormat="1" applyFont="1" applyBorder="1" applyAlignment="1">
      <alignment vertical="center" shrinkToFit="1"/>
    </xf>
    <xf numFmtId="178" fontId="7" fillId="0" borderId="17" xfId="0" applyNumberFormat="1" applyFont="1" applyBorder="1" applyAlignment="1">
      <alignment vertical="center" shrinkToFit="1"/>
    </xf>
    <xf numFmtId="178" fontId="7" fillId="0" borderId="29" xfId="0" applyNumberFormat="1" applyFont="1" applyBorder="1" applyAlignment="1">
      <alignment horizontal="left" vertical="center" wrapText="1" indent="1"/>
    </xf>
    <xf numFmtId="178" fontId="7" fillId="0" borderId="14" xfId="0" applyNumberFormat="1" applyFont="1" applyBorder="1" applyAlignment="1">
      <alignment horizontal="left" vertical="center" wrapText="1" indent="1"/>
    </xf>
    <xf numFmtId="178" fontId="7" fillId="0" borderId="28" xfId="0" applyNumberFormat="1" applyFont="1" applyBorder="1" applyAlignment="1">
      <alignment horizontal="left" vertical="center" wrapText="1" indent="1"/>
    </xf>
    <xf numFmtId="178" fontId="7" fillId="0" borderId="15" xfId="0" applyNumberFormat="1" applyFont="1" applyBorder="1" applyAlignment="1">
      <alignment horizontal="left" vertical="center" wrapText="1" indent="1"/>
    </xf>
    <xf numFmtId="178" fontId="7" fillId="0" borderId="16" xfId="0" applyNumberFormat="1" applyFont="1" applyBorder="1" applyAlignment="1">
      <alignment horizontal="left" vertical="center" wrapText="1" indent="1"/>
    </xf>
    <xf numFmtId="178" fontId="7" fillId="0" borderId="17" xfId="0" applyNumberFormat="1" applyFont="1" applyBorder="1" applyAlignment="1">
      <alignment horizontal="left" vertical="center" wrapText="1" indent="1"/>
    </xf>
    <xf numFmtId="178" fontId="7" fillId="0" borderId="14" xfId="0" applyNumberFormat="1" applyFont="1" applyBorder="1" applyAlignment="1" applyProtection="1">
      <alignment horizontal="right" vertical="center"/>
      <protection locked="0"/>
    </xf>
    <xf numFmtId="178" fontId="26" fillId="0" borderId="7" xfId="0" applyNumberFormat="1" applyFont="1" applyBorder="1" applyAlignment="1">
      <alignment horizontal="right" vertical="center"/>
    </xf>
    <xf numFmtId="178" fontId="7" fillId="0" borderId="32" xfId="0" applyNumberFormat="1" applyFont="1" applyBorder="1" applyAlignment="1">
      <alignment horizontal="left" vertical="center"/>
    </xf>
    <xf numFmtId="178" fontId="7" fillId="0" borderId="33" xfId="0" applyNumberFormat="1" applyFont="1" applyBorder="1" applyAlignment="1">
      <alignment horizontal="left" vertical="center"/>
    </xf>
    <xf numFmtId="178" fontId="26" fillId="0" borderId="8" xfId="0" applyNumberFormat="1" applyFont="1" applyBorder="1" applyAlignment="1">
      <alignment horizontal="right" vertical="center"/>
    </xf>
    <xf numFmtId="190" fontId="12" fillId="0" borderId="19" xfId="0" applyNumberFormat="1" applyFont="1" applyBorder="1" applyAlignment="1">
      <alignment horizontal="center" vertical="center"/>
    </xf>
    <xf numFmtId="190" fontId="12" fillId="0" borderId="20" xfId="0" applyNumberFormat="1" applyFont="1" applyBorder="1" applyAlignment="1">
      <alignment horizontal="center" vertical="center"/>
    </xf>
    <xf numFmtId="178" fontId="12" fillId="0" borderId="14" xfId="0" applyNumberFormat="1" applyFont="1" applyBorder="1" applyAlignment="1" applyProtection="1">
      <alignment horizontal="right" vertical="center"/>
      <protection locked="0"/>
    </xf>
    <xf numFmtId="178" fontId="12" fillId="0" borderId="34" xfId="0" applyNumberFormat="1" applyFont="1" applyBorder="1" applyAlignment="1" applyProtection="1">
      <alignment horizontal="right" vertical="center"/>
      <protection locked="0"/>
    </xf>
    <xf numFmtId="178" fontId="7" fillId="0" borderId="29" xfId="0" applyNumberFormat="1" applyFont="1" applyBorder="1" applyAlignment="1">
      <alignment horizontal="distributed" vertical="center" wrapText="1" indent="1"/>
    </xf>
    <xf numFmtId="178" fontId="7" fillId="0" borderId="14" xfId="0" applyNumberFormat="1" applyFont="1" applyBorder="1" applyAlignment="1">
      <alignment horizontal="distributed" vertical="center" wrapText="1" indent="1"/>
    </xf>
    <xf numFmtId="178" fontId="7" fillId="0" borderId="28" xfId="0" applyNumberFormat="1" applyFont="1" applyBorder="1" applyAlignment="1">
      <alignment horizontal="distributed" vertical="center" wrapText="1" indent="1"/>
    </xf>
    <xf numFmtId="178" fontId="7" fillId="0" borderId="15" xfId="0" applyNumberFormat="1" applyFont="1" applyBorder="1" applyAlignment="1">
      <alignment horizontal="distributed" vertical="center" wrapText="1" indent="1"/>
    </xf>
    <xf numFmtId="178" fontId="7" fillId="0" borderId="16" xfId="0" applyNumberFormat="1" applyFont="1" applyBorder="1" applyAlignment="1">
      <alignment horizontal="distributed" vertical="center" wrapText="1" indent="1"/>
    </xf>
    <xf numFmtId="178" fontId="7" fillId="0" borderId="17" xfId="0" applyNumberFormat="1" applyFont="1" applyBorder="1" applyAlignment="1">
      <alignment horizontal="distributed" vertical="center" wrapText="1" indent="1"/>
    </xf>
    <xf numFmtId="178" fontId="7" fillId="0" borderId="31" xfId="0" applyNumberFormat="1" applyFont="1" applyBorder="1" applyAlignment="1">
      <alignment horizontal="distributed" vertical="center" indent="2"/>
    </xf>
    <xf numFmtId="178" fontId="7" fillId="0" borderId="32" xfId="0" applyNumberFormat="1" applyFont="1" applyBorder="1" applyAlignment="1">
      <alignment horizontal="distributed" vertical="center" indent="2"/>
    </xf>
    <xf numFmtId="178" fontId="7" fillId="0" borderId="33" xfId="0" applyNumberFormat="1" applyFont="1" applyBorder="1" applyAlignment="1">
      <alignment horizontal="distributed" vertical="center" indent="2"/>
    </xf>
    <xf numFmtId="178" fontId="7" fillId="0" borderId="32" xfId="0" applyNumberFormat="1" applyFont="1" applyBorder="1" applyAlignment="1">
      <alignment vertical="center"/>
    </xf>
    <xf numFmtId="178" fontId="7" fillId="0" borderId="33" xfId="0" applyNumberFormat="1" applyFont="1" applyBorder="1" applyAlignment="1">
      <alignment vertical="center"/>
    </xf>
    <xf numFmtId="178" fontId="7" fillId="0" borderId="15" xfId="0" applyNumberFormat="1" applyFont="1" applyBorder="1" applyAlignment="1">
      <alignment horizontal="distributed" vertical="center" indent="1"/>
    </xf>
    <xf numFmtId="178" fontId="7" fillId="0" borderId="5" xfId="0" applyNumberFormat="1" applyFont="1" applyBorder="1" applyAlignment="1">
      <alignment horizontal="distributed" vertical="center" indent="1"/>
    </xf>
    <xf numFmtId="177" fontId="12" fillId="0" borderId="0" xfId="0" applyNumberFormat="1" applyFont="1" applyAlignment="1" applyProtection="1">
      <alignment horizontal="right" vertical="center"/>
      <protection locked="0"/>
    </xf>
    <xf numFmtId="177" fontId="12" fillId="0" borderId="11" xfId="0" applyNumberFormat="1" applyFont="1" applyBorder="1" applyAlignment="1" applyProtection="1">
      <alignment horizontal="right" vertical="center"/>
      <protection locked="0"/>
    </xf>
    <xf numFmtId="42" fontId="12" fillId="0" borderId="0" xfId="0" applyNumberFormat="1" applyFont="1" applyAlignment="1">
      <alignment horizontal="right" vertical="center"/>
    </xf>
    <xf numFmtId="42" fontId="12" fillId="0" borderId="11" xfId="0" applyNumberFormat="1" applyFont="1" applyBorder="1" applyAlignment="1">
      <alignment horizontal="right" vertical="center"/>
    </xf>
    <xf numFmtId="178" fontId="7" fillId="0" borderId="30" xfId="0" applyNumberFormat="1" applyFont="1" applyBorder="1" applyAlignment="1">
      <alignment horizontal="distributed" vertical="center" indent="1"/>
    </xf>
    <xf numFmtId="178" fontId="7" fillId="0" borderId="25" xfId="0" applyNumberFormat="1" applyFont="1" applyBorder="1" applyAlignment="1">
      <alignment horizontal="distributed" vertical="center" indent="1"/>
    </xf>
    <xf numFmtId="178" fontId="7" fillId="0" borderId="25" xfId="0" applyNumberFormat="1" applyFont="1" applyBorder="1" applyAlignment="1">
      <alignment horizontal="left" vertical="center"/>
    </xf>
    <xf numFmtId="178" fontId="7" fillId="0" borderId="26" xfId="0" applyNumberFormat="1" applyFont="1" applyBorder="1" applyAlignment="1">
      <alignment horizontal="left" vertical="center"/>
    </xf>
    <xf numFmtId="178" fontId="7" fillId="0" borderId="31" xfId="0" applyNumberFormat="1" applyFont="1" applyBorder="1" applyAlignment="1">
      <alignment horizontal="distributed" vertical="center" indent="1"/>
    </xf>
    <xf numFmtId="178" fontId="7" fillId="0" borderId="32" xfId="0" applyNumberFormat="1" applyFont="1" applyBorder="1" applyAlignment="1">
      <alignment horizontal="distributed" vertical="center" indent="1"/>
    </xf>
    <xf numFmtId="178" fontId="7" fillId="0" borderId="7" xfId="0" applyNumberFormat="1" applyFont="1" applyBorder="1" applyAlignment="1">
      <alignment horizontal="distributed" vertical="center" indent="1"/>
    </xf>
    <xf numFmtId="178" fontId="7" fillId="0" borderId="2" xfId="0" applyNumberFormat="1" applyFont="1" applyBorder="1" applyAlignment="1">
      <alignment horizontal="distributed" vertical="center" indent="1"/>
    </xf>
    <xf numFmtId="178" fontId="7" fillId="0" borderId="3" xfId="0" applyNumberFormat="1" applyFont="1" applyBorder="1" applyAlignment="1">
      <alignment horizontal="distributed" vertical="center" indent="1"/>
    </xf>
    <xf numFmtId="178" fontId="7" fillId="0" borderId="2" xfId="0" applyNumberFormat="1" applyFont="1" applyBorder="1" applyAlignment="1" applyProtection="1">
      <alignment vertical="center"/>
      <protection locked="0"/>
    </xf>
    <xf numFmtId="178" fontId="12" fillId="0" borderId="2" xfId="0" applyNumberFormat="1" applyFont="1" applyBorder="1" applyAlignment="1" applyProtection="1">
      <alignment vertical="center"/>
      <protection locked="0"/>
    </xf>
    <xf numFmtId="178" fontId="12" fillId="0" borderId="27" xfId="0" applyNumberFormat="1" applyFont="1" applyBorder="1" applyAlignment="1" applyProtection="1">
      <alignment vertical="center"/>
      <protection locked="0"/>
    </xf>
    <xf numFmtId="178" fontId="12" fillId="0" borderId="0" xfId="0" applyNumberFormat="1" applyFont="1" applyAlignment="1">
      <alignment horizontal="right" vertical="center"/>
    </xf>
    <xf numFmtId="178" fontId="12" fillId="0" borderId="11" xfId="0" applyNumberFormat="1" applyFont="1" applyBorder="1" applyAlignment="1">
      <alignment horizontal="right" vertical="center"/>
    </xf>
    <xf numFmtId="178" fontId="7" fillId="0" borderId="7" xfId="0" applyNumberFormat="1" applyFont="1" applyBorder="1" applyAlignment="1">
      <alignment vertical="center"/>
    </xf>
    <xf numFmtId="178" fontId="7" fillId="0" borderId="2" xfId="0" applyNumberFormat="1" applyFont="1" applyBorder="1" applyAlignment="1">
      <alignment vertical="center"/>
    </xf>
    <xf numFmtId="178" fontId="7" fillId="0" borderId="9" xfId="0" applyNumberFormat="1" applyFont="1" applyBorder="1" applyAlignment="1">
      <alignment horizontal="left" vertical="center" indent="1"/>
    </xf>
    <xf numFmtId="178" fontId="7" fillId="0" borderId="8" xfId="0" applyNumberFormat="1" applyFont="1" applyBorder="1" applyAlignment="1">
      <alignment horizontal="left" vertical="center" indent="1"/>
    </xf>
    <xf numFmtId="178" fontId="7" fillId="0" borderId="20" xfId="0" applyNumberFormat="1" applyFont="1" applyBorder="1" applyAlignment="1">
      <alignment horizontal="left" vertical="center" indent="1"/>
    </xf>
    <xf numFmtId="178" fontId="7" fillId="0" borderId="16" xfId="0" applyNumberFormat="1" applyFont="1" applyBorder="1" applyAlignment="1">
      <alignment horizontal="left" vertical="center" indent="1"/>
    </xf>
    <xf numFmtId="178" fontId="7" fillId="0" borderId="17" xfId="0" applyNumberFormat="1" applyFont="1" applyBorder="1" applyAlignment="1">
      <alignment horizontal="left" vertical="center" indent="1"/>
    </xf>
    <xf numFmtId="178" fontId="7" fillId="0" borderId="29" xfId="0" applyNumberFormat="1" applyFont="1" applyBorder="1" applyAlignment="1">
      <alignment horizontal="center" vertical="center"/>
    </xf>
    <xf numFmtId="178" fontId="7" fillId="0" borderId="6" xfId="0" applyNumberFormat="1" applyFont="1" applyBorder="1" applyAlignment="1">
      <alignment horizontal="center" vertical="center"/>
    </xf>
    <xf numFmtId="178" fontId="7" fillId="0" borderId="5" xfId="0" applyNumberFormat="1" applyFont="1" applyBorder="1" applyAlignment="1">
      <alignment horizontal="center" vertical="center"/>
    </xf>
    <xf numFmtId="178" fontId="7" fillId="0" borderId="33" xfId="0" applyNumberFormat="1" applyFont="1" applyBorder="1" applyAlignment="1">
      <alignment horizontal="distributed" vertical="center" indent="1"/>
    </xf>
    <xf numFmtId="178" fontId="7" fillId="0" borderId="15" xfId="0" applyNumberFormat="1" applyFont="1" applyBorder="1" applyAlignment="1">
      <alignment horizontal="center" vertical="center"/>
    </xf>
    <xf numFmtId="41" fontId="7" fillId="0" borderId="0" xfId="0" applyNumberFormat="1" applyFont="1" applyAlignment="1" applyProtection="1">
      <alignment horizontal="right" vertical="center"/>
      <protection locked="0"/>
    </xf>
    <xf numFmtId="178" fontId="7" fillId="0" borderId="9" xfId="0" applyNumberFormat="1" applyFont="1" applyBorder="1" applyAlignment="1">
      <alignment horizontal="distributed" vertical="center" indent="1" shrinkToFit="1"/>
    </xf>
    <xf numFmtId="178" fontId="7" fillId="0" borderId="14" xfId="0" applyNumberFormat="1" applyFont="1" applyBorder="1" applyAlignment="1">
      <alignment horizontal="distributed" vertical="center" indent="1" shrinkToFit="1"/>
    </xf>
    <xf numFmtId="178" fontId="7" fillId="0" borderId="28" xfId="0" applyNumberFormat="1" applyFont="1" applyBorder="1" applyAlignment="1">
      <alignment horizontal="distributed" vertical="center" indent="1" shrinkToFit="1"/>
    </xf>
    <xf numFmtId="187" fontId="7" fillId="0" borderId="20" xfId="0" applyNumberFormat="1" applyFont="1" applyBorder="1" applyAlignment="1">
      <alignment horizontal="right" vertical="center"/>
    </xf>
    <xf numFmtId="184" fontId="17" fillId="0" borderId="6" xfId="0" applyNumberFormat="1" applyFont="1" applyBorder="1" applyAlignment="1">
      <alignment horizontal="right" vertical="center"/>
    </xf>
    <xf numFmtId="184" fontId="17" fillId="0" borderId="2" xfId="0" applyNumberFormat="1" applyFont="1" applyBorder="1" applyAlignment="1">
      <alignment horizontal="right" vertical="center"/>
    </xf>
    <xf numFmtId="184" fontId="17" fillId="0" borderId="3" xfId="0" applyNumberFormat="1" applyFont="1" applyBorder="1" applyAlignment="1">
      <alignment horizontal="right" vertical="center"/>
    </xf>
    <xf numFmtId="190" fontId="11" fillId="0" borderId="29" xfId="0" applyNumberFormat="1" applyFont="1" applyBorder="1" applyAlignment="1">
      <alignment horizontal="right" vertical="center"/>
    </xf>
    <xf numFmtId="190" fontId="11" fillId="0" borderId="14" xfId="0" applyNumberFormat="1" applyFont="1" applyBorder="1" applyAlignment="1">
      <alignment horizontal="right" vertical="center"/>
    </xf>
    <xf numFmtId="190" fontId="11" fillId="0" borderId="28" xfId="0" applyNumberFormat="1" applyFont="1" applyBorder="1" applyAlignment="1">
      <alignment horizontal="right" vertical="center"/>
    </xf>
    <xf numFmtId="178" fontId="7" fillId="0" borderId="20" xfId="0" applyNumberFormat="1" applyFont="1" applyBorder="1" applyAlignment="1">
      <alignment horizontal="left" vertical="center" indent="2" shrinkToFit="1"/>
    </xf>
    <xf numFmtId="178" fontId="7" fillId="0" borderId="16" xfId="0" applyNumberFormat="1" applyFont="1" applyBorder="1" applyAlignment="1">
      <alignment horizontal="left" vertical="center" indent="2" shrinkToFit="1"/>
    </xf>
    <xf numFmtId="178" fontId="7" fillId="0" borderId="17" xfId="0" applyNumberFormat="1" applyFont="1" applyBorder="1" applyAlignment="1">
      <alignment horizontal="left" vertical="center" indent="2" shrinkToFit="1"/>
    </xf>
    <xf numFmtId="178" fontId="12" fillId="0" borderId="8" xfId="0" applyNumberFormat="1" applyFont="1" applyBorder="1" applyAlignment="1">
      <alignment horizontal="left" vertical="center" indent="2" shrinkToFit="1"/>
    </xf>
    <xf numFmtId="178" fontId="12" fillId="0" borderId="0" xfId="0" applyNumberFormat="1" applyFont="1" applyAlignment="1">
      <alignment horizontal="left" vertical="center" indent="2" shrinkToFit="1"/>
    </xf>
    <xf numFmtId="178" fontId="12" fillId="0" borderId="1" xfId="0" applyNumberFormat="1" applyFont="1" applyBorder="1" applyAlignment="1">
      <alignment horizontal="left" vertical="center" indent="2" shrinkToFit="1"/>
    </xf>
    <xf numFmtId="178" fontId="12" fillId="0" borderId="8" xfId="0" applyNumberFormat="1" applyFont="1" applyBorder="1" applyAlignment="1">
      <alignment horizontal="distributed" vertical="center" indent="1" shrinkToFit="1"/>
    </xf>
    <xf numFmtId="178" fontId="12" fillId="0" borderId="0" xfId="0" applyNumberFormat="1" applyFont="1" applyAlignment="1">
      <alignment horizontal="distributed" vertical="center" indent="1" shrinkToFit="1"/>
    </xf>
    <xf numFmtId="178" fontId="12" fillId="0" borderId="1" xfId="0" applyNumberFormat="1" applyFont="1" applyBorder="1" applyAlignment="1">
      <alignment horizontal="distributed" vertical="center" indent="1" shrinkToFit="1"/>
    </xf>
    <xf numFmtId="178" fontId="12" fillId="0" borderId="7" xfId="0" applyNumberFormat="1" applyFont="1" applyBorder="1" applyAlignment="1">
      <alignment horizontal="right" vertical="center"/>
    </xf>
    <xf numFmtId="178" fontId="12" fillId="0" borderId="2" xfId="0" applyNumberFormat="1" applyFont="1" applyBorder="1" applyAlignment="1">
      <alignment horizontal="right" vertical="center"/>
    </xf>
    <xf numFmtId="176" fontId="7" fillId="0" borderId="19" xfId="0" applyNumberFormat="1" applyFont="1" applyBorder="1" applyAlignment="1">
      <alignment horizontal="center" vertical="center" shrinkToFit="1"/>
    </xf>
    <xf numFmtId="176" fontId="7" fillId="0" borderId="4" xfId="0" applyNumberFormat="1" applyFont="1" applyBorder="1" applyAlignment="1">
      <alignment horizontal="center" vertical="center" shrinkToFit="1"/>
    </xf>
    <xf numFmtId="176" fontId="7" fillId="0" borderId="18" xfId="0" applyNumberFormat="1" applyFont="1" applyBorder="1" applyAlignment="1">
      <alignment horizontal="center" vertical="center" shrinkToFit="1"/>
    </xf>
    <xf numFmtId="176" fontId="7" fillId="0" borderId="20" xfId="0" applyNumberFormat="1" applyFont="1" applyBorder="1" applyAlignment="1">
      <alignment horizontal="center" vertical="center" shrinkToFit="1"/>
    </xf>
    <xf numFmtId="176" fontId="7" fillId="0" borderId="16" xfId="0" applyNumberFormat="1" applyFont="1" applyBorder="1" applyAlignment="1">
      <alignment horizontal="center" vertical="center" shrinkToFit="1"/>
    </xf>
    <xf numFmtId="176" fontId="7" fillId="0" borderId="17" xfId="0" applyNumberFormat="1" applyFont="1" applyBorder="1" applyAlignment="1">
      <alignment horizontal="center" vertical="center" shrinkToFit="1"/>
    </xf>
    <xf numFmtId="178" fontId="7" fillId="0" borderId="8" xfId="0" applyNumberFormat="1" applyFont="1" applyBorder="1" applyAlignment="1">
      <alignment horizontal="left" vertical="center" indent="2" shrinkToFit="1"/>
    </xf>
    <xf numFmtId="178" fontId="7" fillId="0" borderId="0" xfId="0" applyNumberFormat="1" applyFont="1" applyAlignment="1">
      <alignment horizontal="left" vertical="center" indent="2" shrinkToFit="1"/>
    </xf>
    <xf numFmtId="178" fontId="7" fillId="0" borderId="1" xfId="0" applyNumberFormat="1" applyFont="1" applyBorder="1" applyAlignment="1">
      <alignment horizontal="left" vertical="center" indent="2" shrinkToFit="1"/>
    </xf>
    <xf numFmtId="189" fontId="7" fillId="0" borderId="47" xfId="0" applyNumberFormat="1" applyFont="1" applyBorder="1" applyAlignment="1">
      <alignment horizontal="center" vertical="center" textRotation="255" wrapText="1"/>
    </xf>
    <xf numFmtId="189" fontId="7" fillId="0" borderId="48" xfId="0" applyNumberFormat="1" applyFont="1" applyBorder="1" applyAlignment="1">
      <alignment horizontal="center" vertical="center" textRotation="255" wrapText="1"/>
    </xf>
    <xf numFmtId="189" fontId="7" fillId="0" borderId="49" xfId="0" applyNumberFormat="1" applyFont="1" applyBorder="1" applyAlignment="1">
      <alignment horizontal="center" vertical="center" textRotation="255" wrapText="1"/>
    </xf>
    <xf numFmtId="189" fontId="7" fillId="0" borderId="48" xfId="0" applyNumberFormat="1" applyFont="1" applyBorder="1" applyAlignment="1">
      <alignment horizontal="center" vertical="center" textRotation="255"/>
    </xf>
    <xf numFmtId="189" fontId="7" fillId="0" borderId="49" xfId="0" applyNumberFormat="1" applyFont="1" applyBorder="1" applyAlignment="1">
      <alignment horizontal="center" vertical="center" textRotation="255"/>
    </xf>
    <xf numFmtId="190" fontId="21" fillId="0" borderId="35" xfId="0" applyNumberFormat="1" applyFont="1" applyBorder="1" applyAlignment="1">
      <alignment horizontal="center" vertical="center"/>
    </xf>
    <xf numFmtId="190" fontId="21" fillId="0" borderId="22" xfId="0" applyNumberFormat="1" applyFont="1" applyBorder="1" applyAlignment="1">
      <alignment horizontal="center" vertical="center"/>
    </xf>
    <xf numFmtId="190" fontId="21" fillId="0" borderId="23" xfId="0" applyNumberFormat="1" applyFont="1" applyBorder="1" applyAlignment="1">
      <alignment horizontal="center" vertical="center"/>
    </xf>
    <xf numFmtId="190" fontId="12" fillId="0" borderId="5" xfId="0" applyNumberFormat="1" applyFont="1" applyBorder="1" applyAlignment="1">
      <alignment horizontal="right" vertical="center" indent="1"/>
    </xf>
    <xf numFmtId="190" fontId="12" fillId="0" borderId="0" xfId="0" applyNumberFormat="1" applyFont="1" applyAlignment="1">
      <alignment horizontal="right" vertical="center" indent="1"/>
    </xf>
    <xf numFmtId="190" fontId="12" fillId="0" borderId="1" xfId="0" applyNumberFormat="1" applyFont="1" applyBorder="1" applyAlignment="1">
      <alignment horizontal="right" vertical="center" indent="1"/>
    </xf>
    <xf numFmtId="190" fontId="12" fillId="0" borderId="6" xfId="0" applyNumberFormat="1" applyFont="1" applyBorder="1" applyAlignment="1">
      <alignment horizontal="right" vertical="center" indent="1"/>
    </xf>
    <xf numFmtId="190" fontId="12" fillId="0" borderId="2" xfId="0" applyNumberFormat="1" applyFont="1" applyBorder="1" applyAlignment="1">
      <alignment horizontal="right" vertical="center" indent="1"/>
    </xf>
    <xf numFmtId="190" fontId="12" fillId="0" borderId="3" xfId="0" applyNumberFormat="1" applyFont="1" applyBorder="1" applyAlignment="1">
      <alignment horizontal="right" vertical="center" indent="1"/>
    </xf>
    <xf numFmtId="178" fontId="12" fillId="0" borderId="31" xfId="0" applyNumberFormat="1" applyFont="1" applyBorder="1" applyAlignment="1">
      <alignment horizontal="center" vertical="center"/>
    </xf>
    <xf numFmtId="178" fontId="12" fillId="0" borderId="32" xfId="0" applyNumberFormat="1" applyFont="1" applyBorder="1" applyAlignment="1">
      <alignment horizontal="center" vertical="center"/>
    </xf>
    <xf numFmtId="178" fontId="12" fillId="0" borderId="33" xfId="0" applyNumberFormat="1" applyFont="1" applyBorder="1" applyAlignment="1">
      <alignment horizontal="center" vertical="center"/>
    </xf>
    <xf numFmtId="178" fontId="12" fillId="0" borderId="8" xfId="0" applyNumberFormat="1" applyFont="1" applyBorder="1" applyAlignment="1">
      <alignment vertical="center"/>
    </xf>
    <xf numFmtId="178" fontId="12" fillId="0" borderId="0" xfId="0" applyNumberFormat="1" applyFont="1" applyAlignment="1">
      <alignment vertical="center"/>
    </xf>
    <xf numFmtId="178" fontId="7" fillId="0" borderId="11" xfId="0" applyNumberFormat="1" applyFont="1" applyBorder="1" applyAlignment="1" applyProtection="1">
      <alignment vertical="center"/>
      <protection locked="0"/>
    </xf>
    <xf numFmtId="183" fontId="7" fillId="0" borderId="9" xfId="3" applyNumberFormat="1" applyFont="1" applyFill="1" applyBorder="1" applyAlignment="1" applyProtection="1">
      <alignment horizontal="right" vertical="center"/>
    </xf>
    <xf numFmtId="183" fontId="7" fillId="0" borderId="14" xfId="3" applyNumberFormat="1" applyFont="1" applyFill="1" applyBorder="1" applyAlignment="1" applyProtection="1">
      <alignment horizontal="right" vertical="center"/>
    </xf>
    <xf numFmtId="183" fontId="7" fillId="3" borderId="14" xfId="3" applyNumberFormat="1" applyFont="1" applyFill="1" applyBorder="1" applyAlignment="1" applyProtection="1">
      <alignment horizontal="right" vertical="center"/>
    </xf>
    <xf numFmtId="184" fontId="7" fillId="3" borderId="5" xfId="5" applyNumberFormat="1" applyFont="1" applyFill="1" applyBorder="1" applyAlignment="1">
      <alignment horizontal="right" vertical="center" indent="1"/>
    </xf>
    <xf numFmtId="184" fontId="7" fillId="3" borderId="0" xfId="5" applyNumberFormat="1" applyFont="1" applyFill="1" applyAlignment="1">
      <alignment horizontal="right" vertical="center" indent="1"/>
    </xf>
    <xf numFmtId="184" fontId="7" fillId="3" borderId="1" xfId="5" applyNumberFormat="1" applyFont="1" applyFill="1" applyBorder="1" applyAlignment="1">
      <alignment horizontal="right" vertical="center" indent="1"/>
    </xf>
    <xf numFmtId="42" fontId="12" fillId="0" borderId="2" xfId="0" applyNumberFormat="1" applyFont="1" applyBorder="1" applyAlignment="1" applyProtection="1">
      <alignment horizontal="right" vertical="center"/>
      <protection locked="0"/>
    </xf>
    <xf numFmtId="183" fontId="12" fillId="0" borderId="2" xfId="3" applyNumberFormat="1" applyFont="1" applyFill="1" applyBorder="1" applyAlignment="1" applyProtection="1">
      <alignment horizontal="right" vertical="center"/>
      <protection locked="0"/>
    </xf>
    <xf numFmtId="183" fontId="7" fillId="3" borderId="8" xfId="3" applyNumberFormat="1" applyFont="1" applyFill="1" applyBorder="1" applyAlignment="1" applyProtection="1">
      <alignment horizontal="right" vertical="center"/>
    </xf>
    <xf numFmtId="183" fontId="7" fillId="3" borderId="0" xfId="3" applyNumberFormat="1" applyFont="1" applyFill="1" applyBorder="1" applyAlignment="1" applyProtection="1">
      <alignment horizontal="right" vertical="center"/>
    </xf>
    <xf numFmtId="183" fontId="12" fillId="3" borderId="7" xfId="3" applyNumberFormat="1" applyFont="1" applyFill="1" applyBorder="1" applyAlignment="1" applyProtection="1">
      <alignment horizontal="right" vertical="center"/>
    </xf>
    <xf numFmtId="183" fontId="12" fillId="3" borderId="2" xfId="3" applyNumberFormat="1" applyFont="1" applyFill="1" applyBorder="1" applyAlignment="1" applyProtection="1">
      <alignment horizontal="right" vertical="center"/>
    </xf>
    <xf numFmtId="178" fontId="7" fillId="0" borderId="16" xfId="0" applyNumberFormat="1" applyFont="1" applyBorder="1" applyAlignment="1" applyProtection="1">
      <alignment horizontal="right" vertical="center"/>
      <protection locked="0"/>
    </xf>
    <xf numFmtId="178" fontId="12" fillId="0" borderId="16" xfId="0" applyNumberFormat="1" applyFont="1" applyBorder="1" applyAlignment="1" applyProtection="1">
      <alignment horizontal="right" vertical="center"/>
      <protection locked="0"/>
    </xf>
    <xf numFmtId="178" fontId="12" fillId="0" borderId="37" xfId="0" applyNumberFormat="1" applyFont="1" applyBorder="1" applyAlignment="1" applyProtection="1">
      <alignment horizontal="right" vertical="center"/>
      <protection locked="0"/>
    </xf>
    <xf numFmtId="178" fontId="12" fillId="0" borderId="7" xfId="0" applyNumberFormat="1" applyFont="1" applyBorder="1" applyAlignment="1">
      <alignment vertical="center"/>
    </xf>
    <xf numFmtId="178" fontId="12" fillId="0" borderId="2" xfId="0" applyNumberFormat="1" applyFont="1" applyBorder="1" applyAlignment="1">
      <alignment vertical="center"/>
    </xf>
    <xf numFmtId="178" fontId="21" fillId="0" borderId="31" xfId="0" applyNumberFormat="1" applyFont="1" applyBorder="1" applyAlignment="1">
      <alignment horizontal="distributed" vertical="center" justifyLastLine="1"/>
    </xf>
    <xf numFmtId="178" fontId="21" fillId="0" borderId="32" xfId="0" applyNumberFormat="1" applyFont="1" applyBorder="1" applyAlignment="1">
      <alignment horizontal="distributed" vertical="center" justifyLastLine="1"/>
    </xf>
    <xf numFmtId="178" fontId="21" fillId="0" borderId="33" xfId="0" applyNumberFormat="1" applyFont="1" applyBorder="1" applyAlignment="1">
      <alignment horizontal="distributed" vertical="center" justifyLastLine="1"/>
    </xf>
    <xf numFmtId="178" fontId="7" fillId="0" borderId="32" xfId="0" applyNumberFormat="1" applyFont="1" applyBorder="1" applyAlignment="1">
      <alignment horizontal="distributed" vertical="center" justifyLastLine="1"/>
    </xf>
    <xf numFmtId="178" fontId="7" fillId="0" borderId="33" xfId="0" applyNumberFormat="1" applyFont="1" applyBorder="1" applyAlignment="1">
      <alignment horizontal="distributed" vertical="center" justifyLastLine="1"/>
    </xf>
    <xf numFmtId="178" fontId="7" fillId="0" borderId="31" xfId="0" applyNumberFormat="1" applyFont="1" applyBorder="1" applyAlignment="1">
      <alignment horizontal="distributed" vertical="center" justifyLastLine="1"/>
    </xf>
    <xf numFmtId="178" fontId="7" fillId="0" borderId="11" xfId="0" applyNumberFormat="1" applyFont="1" applyBorder="1" applyAlignment="1">
      <alignment vertical="center"/>
    </xf>
    <xf numFmtId="178" fontId="7" fillId="3" borderId="9" xfId="5" applyNumberFormat="1" applyFont="1" applyFill="1" applyBorder="1" applyAlignment="1">
      <alignment horizontal="distributed" vertical="center" wrapText="1" justifyLastLine="1"/>
    </xf>
    <xf numFmtId="178" fontId="7" fillId="3" borderId="14" xfId="5" applyNumberFormat="1" applyFont="1" applyFill="1" applyBorder="1" applyAlignment="1">
      <alignment horizontal="distributed" vertical="center" wrapText="1" justifyLastLine="1"/>
    </xf>
    <xf numFmtId="178" fontId="7" fillId="3" borderId="34" xfId="5" applyNumberFormat="1" applyFont="1" applyFill="1" applyBorder="1" applyAlignment="1">
      <alignment horizontal="distributed" vertical="center" wrapText="1" justifyLastLine="1"/>
    </xf>
    <xf numFmtId="178" fontId="7" fillId="3" borderId="20" xfId="5" applyNumberFormat="1" applyFont="1" applyFill="1" applyBorder="1" applyAlignment="1">
      <alignment horizontal="distributed" vertical="center" wrapText="1" justifyLastLine="1"/>
    </xf>
    <xf numFmtId="178" fontId="7" fillId="3" borderId="16" xfId="5" applyNumberFormat="1" applyFont="1" applyFill="1" applyBorder="1" applyAlignment="1">
      <alignment horizontal="distributed" vertical="center" wrapText="1" justifyLastLine="1"/>
    </xf>
    <xf numFmtId="178" fontId="7" fillId="3" borderId="37" xfId="5" applyNumberFormat="1" applyFont="1" applyFill="1" applyBorder="1" applyAlignment="1">
      <alignment horizontal="distributed" vertical="center" wrapText="1" justifyLastLine="1"/>
    </xf>
    <xf numFmtId="177" fontId="12" fillId="0" borderId="2" xfId="0" applyNumberFormat="1" applyFont="1" applyBorder="1" applyAlignment="1" applyProtection="1">
      <alignment horizontal="right" vertical="center"/>
      <protection locked="0"/>
    </xf>
    <xf numFmtId="0" fontId="7" fillId="0" borderId="19" xfId="0" applyFont="1" applyBorder="1" applyAlignment="1">
      <alignment horizontal="distributed" vertical="center" justifyLastLine="1"/>
    </xf>
    <xf numFmtId="0" fontId="7" fillId="0" borderId="4" xfId="0" applyFont="1" applyBorder="1" applyAlignment="1">
      <alignment horizontal="distributed" vertical="center" justifyLastLine="1"/>
    </xf>
    <xf numFmtId="0" fontId="7" fillId="0" borderId="18" xfId="0" applyFont="1" applyBorder="1" applyAlignment="1">
      <alignment horizontal="distributed" vertical="center" justifyLastLine="1"/>
    </xf>
    <xf numFmtId="0" fontId="7" fillId="0" borderId="20" xfId="0" applyFont="1" applyBorder="1" applyAlignment="1">
      <alignment horizontal="distributed" vertical="center" justifyLastLine="1"/>
    </xf>
    <xf numFmtId="0" fontId="7" fillId="0" borderId="16" xfId="0" applyFont="1" applyBorder="1" applyAlignment="1">
      <alignment horizontal="distributed" vertical="center" justifyLastLine="1"/>
    </xf>
    <xf numFmtId="0" fontId="7" fillId="0" borderId="17" xfId="0" applyFont="1" applyBorder="1" applyAlignment="1">
      <alignment horizontal="distributed" vertical="center" justifyLastLine="1"/>
    </xf>
    <xf numFmtId="190" fontId="12" fillId="0" borderId="22" xfId="0" applyNumberFormat="1" applyFont="1" applyBorder="1" applyAlignment="1">
      <alignment horizontal="center" vertical="center"/>
    </xf>
    <xf numFmtId="190" fontId="12" fillId="0" borderId="38" xfId="0" applyNumberFormat="1" applyFont="1" applyBorder="1" applyAlignment="1">
      <alignment horizontal="center" vertical="center"/>
    </xf>
    <xf numFmtId="178" fontId="12" fillId="0" borderId="31" xfId="0" applyNumberFormat="1" applyFont="1" applyBorder="1" applyAlignment="1">
      <alignment horizontal="distributed" vertical="center" justifyLastLine="1"/>
    </xf>
    <xf numFmtId="178" fontId="12" fillId="0" borderId="32" xfId="0" applyNumberFormat="1" applyFont="1" applyBorder="1" applyAlignment="1">
      <alignment horizontal="distributed" vertical="center" justifyLastLine="1"/>
    </xf>
    <xf numFmtId="178" fontId="12" fillId="0" borderId="42" xfId="0" applyNumberFormat="1" applyFont="1" applyBorder="1" applyAlignment="1">
      <alignment horizontal="distributed" vertical="center" justifyLastLine="1"/>
    </xf>
    <xf numFmtId="38" fontId="7" fillId="0" borderId="19" xfId="3" applyFont="1" applyBorder="1" applyAlignment="1" applyProtection="1">
      <alignment horizontal="center" vertical="center" wrapText="1"/>
    </xf>
    <xf numFmtId="38" fontId="7" fillId="0" borderId="8" xfId="3" applyFont="1" applyBorder="1" applyAlignment="1" applyProtection="1">
      <alignment horizontal="center" vertical="center" wrapText="1"/>
    </xf>
    <xf numFmtId="38" fontId="7" fillId="0" borderId="20" xfId="3" applyFont="1" applyBorder="1" applyAlignment="1" applyProtection="1">
      <alignment horizontal="center" vertical="center" wrapText="1"/>
    </xf>
    <xf numFmtId="38" fontId="7" fillId="0" borderId="0" xfId="3" applyFont="1" applyBorder="1" applyAlignment="1" applyProtection="1">
      <alignment horizontal="center" vertical="center"/>
    </xf>
    <xf numFmtId="38" fontId="7" fillId="0" borderId="0" xfId="3" applyFont="1" applyFill="1" applyBorder="1" applyAlignment="1" applyProtection="1">
      <alignment horizontal="center" vertical="center"/>
    </xf>
    <xf numFmtId="38" fontId="12" fillId="0" borderId="2" xfId="3" applyFont="1" applyFill="1" applyBorder="1" applyAlignment="1" applyProtection="1">
      <alignment horizontal="center" vertical="center"/>
    </xf>
    <xf numFmtId="178" fontId="7" fillId="0" borderId="22" xfId="0" applyNumberFormat="1" applyFont="1" applyBorder="1" applyAlignment="1">
      <alignment horizontal="distributed" vertical="center" indent="2"/>
    </xf>
    <xf numFmtId="178" fontId="7" fillId="0" borderId="38" xfId="0" applyNumberFormat="1" applyFont="1" applyBorder="1" applyAlignment="1">
      <alignment horizontal="distributed" vertical="center" indent="2"/>
    </xf>
    <xf numFmtId="178" fontId="27" fillId="0" borderId="2" xfId="0" applyNumberFormat="1" applyFont="1" applyBorder="1" applyAlignment="1" applyProtection="1">
      <alignment horizontal="right" vertical="center"/>
      <protection locked="0"/>
    </xf>
    <xf numFmtId="178" fontId="7" fillId="0" borderId="31" xfId="0" applyNumberFormat="1" applyFont="1" applyBorder="1" applyAlignment="1">
      <alignment horizontal="center" vertical="center" shrinkToFit="1"/>
    </xf>
    <xf numFmtId="178" fontId="7" fillId="0" borderId="32" xfId="0" applyNumberFormat="1" applyFont="1" applyBorder="1" applyAlignment="1">
      <alignment horizontal="center" vertical="center" shrinkToFit="1"/>
    </xf>
    <xf numFmtId="178" fontId="7" fillId="0" borderId="33" xfId="0" applyNumberFormat="1" applyFont="1" applyBorder="1" applyAlignment="1">
      <alignment horizontal="center" vertical="center" shrinkToFit="1"/>
    </xf>
    <xf numFmtId="183" fontId="7" fillId="0" borderId="9" xfId="3" applyNumberFormat="1" applyFont="1" applyFill="1" applyBorder="1" applyAlignment="1" applyProtection="1">
      <alignment horizontal="right" vertical="center" shrinkToFit="1"/>
      <protection locked="0"/>
    </xf>
    <xf numFmtId="183" fontId="7" fillId="0" borderId="14" xfId="3" applyNumberFormat="1" applyFont="1" applyFill="1" applyBorder="1" applyAlignment="1" applyProtection="1">
      <alignment horizontal="right" vertical="center" shrinkToFit="1"/>
      <protection locked="0"/>
    </xf>
    <xf numFmtId="178" fontId="7" fillId="0" borderId="20" xfId="0" applyNumberFormat="1" applyFont="1" applyBorder="1" applyAlignment="1">
      <alignment horizontal="distributed" vertical="center" wrapText="1" indent="1"/>
    </xf>
    <xf numFmtId="183" fontId="7" fillId="0" borderId="8" xfId="3" applyNumberFormat="1" applyFont="1" applyFill="1" applyBorder="1" applyAlignment="1" applyProtection="1">
      <alignment horizontal="right" vertical="center" shrinkToFit="1"/>
      <protection locked="0"/>
    </xf>
    <xf numFmtId="183" fontId="7" fillId="0" borderId="0" xfId="3" applyNumberFormat="1" applyFont="1" applyFill="1" applyBorder="1" applyAlignment="1" applyProtection="1">
      <alignment horizontal="right" vertical="center" shrinkToFit="1"/>
      <protection locked="0"/>
    </xf>
    <xf numFmtId="178" fontId="12" fillId="0" borderId="7" xfId="0" applyNumberFormat="1" applyFont="1" applyBorder="1" applyAlignment="1" applyProtection="1">
      <alignment horizontal="right" vertical="center"/>
      <protection locked="0"/>
    </xf>
    <xf numFmtId="190" fontId="7" fillId="0" borderId="29" xfId="0" applyNumberFormat="1" applyFont="1" applyBorder="1" applyAlignment="1">
      <alignment horizontal="right" vertical="center" indent="4"/>
    </xf>
    <xf numFmtId="190" fontId="7" fillId="0" borderId="14" xfId="0" applyNumberFormat="1" applyFont="1" applyBorder="1" applyAlignment="1">
      <alignment horizontal="right" vertical="center" indent="4"/>
    </xf>
    <xf numFmtId="190" fontId="7" fillId="0" borderId="28" xfId="0" applyNumberFormat="1" applyFont="1" applyBorder="1" applyAlignment="1">
      <alignment horizontal="right" vertical="center" indent="4"/>
    </xf>
    <xf numFmtId="178" fontId="7" fillId="0" borderId="35" xfId="0" applyNumberFormat="1" applyFont="1" applyBorder="1" applyAlignment="1">
      <alignment horizontal="distributed" vertical="center" indent="5"/>
    </xf>
    <xf numFmtId="178" fontId="7" fillId="0" borderId="22" xfId="0" applyNumberFormat="1" applyFont="1" applyBorder="1" applyAlignment="1">
      <alignment horizontal="distributed" vertical="center" indent="5"/>
    </xf>
    <xf numFmtId="178" fontId="7" fillId="0" borderId="38" xfId="0" applyNumberFormat="1" applyFont="1" applyBorder="1" applyAlignment="1">
      <alignment horizontal="distributed" vertical="center" indent="5"/>
    </xf>
    <xf numFmtId="183" fontId="12" fillId="0" borderId="2" xfId="3" applyNumberFormat="1" applyFont="1" applyFill="1" applyBorder="1" applyAlignment="1" applyProtection="1">
      <alignment horizontal="right" vertical="center" shrinkToFit="1"/>
      <protection locked="0"/>
    </xf>
    <xf numFmtId="178" fontId="7" fillId="0" borderId="31" xfId="0" applyNumberFormat="1" applyFont="1" applyBorder="1" applyAlignment="1">
      <alignment horizontal="center" vertical="center" justifyLastLine="1"/>
    </xf>
    <xf numFmtId="178" fontId="7" fillId="0" borderId="32" xfId="0" applyNumberFormat="1" applyFont="1" applyBorder="1" applyAlignment="1">
      <alignment horizontal="center" vertical="center" justifyLastLine="1"/>
    </xf>
    <xf numFmtId="178" fontId="7" fillId="0" borderId="33" xfId="0" applyNumberFormat="1" applyFont="1" applyBorder="1" applyAlignment="1">
      <alignment horizontal="center" vertical="center" justifyLastLine="1"/>
    </xf>
    <xf numFmtId="178" fontId="26" fillId="4" borderId="0" xfId="2" applyNumberFormat="1" applyFont="1" applyFill="1" applyBorder="1" applyAlignment="1" applyProtection="1">
      <alignment horizontal="right" vertical="center"/>
      <protection locked="0"/>
    </xf>
    <xf numFmtId="178" fontId="12" fillId="4" borderId="2" xfId="3" applyNumberFormat="1" applyFont="1" applyFill="1" applyBorder="1" applyAlignment="1" applyProtection="1">
      <alignment horizontal="right" vertical="center"/>
      <protection locked="0"/>
    </xf>
    <xf numFmtId="184" fontId="12" fillId="0" borderId="6" xfId="0" applyNumberFormat="1" applyFont="1" applyBorder="1" applyAlignment="1">
      <alignment horizontal="right" vertical="center" indent="4"/>
    </xf>
    <xf numFmtId="184" fontId="12" fillId="0" borderId="2" xfId="0" applyNumberFormat="1" applyFont="1" applyBorder="1" applyAlignment="1">
      <alignment horizontal="right" vertical="center" indent="4"/>
    </xf>
    <xf numFmtId="184" fontId="12" fillId="0" borderId="3" xfId="0" applyNumberFormat="1" applyFont="1" applyBorder="1" applyAlignment="1">
      <alignment horizontal="right" vertical="center" indent="4"/>
    </xf>
    <xf numFmtId="184" fontId="7" fillId="0" borderId="5" xfId="0" applyNumberFormat="1" applyFont="1" applyBorder="1" applyAlignment="1">
      <alignment horizontal="right" vertical="center" indent="4"/>
    </xf>
    <xf numFmtId="184" fontId="7" fillId="0" borderId="0" xfId="0" applyNumberFormat="1" applyFont="1" applyAlignment="1">
      <alignment horizontal="right" vertical="center" indent="4"/>
    </xf>
    <xf numFmtId="184" fontId="7" fillId="0" borderId="1" xfId="0" applyNumberFormat="1" applyFont="1" applyBorder="1" applyAlignment="1">
      <alignment horizontal="right" vertical="center" indent="4"/>
    </xf>
    <xf numFmtId="183" fontId="12" fillId="0" borderId="7" xfId="3" applyNumberFormat="1" applyFont="1" applyFill="1" applyBorder="1" applyAlignment="1" applyProtection="1">
      <alignment horizontal="right" vertical="center" shrinkToFit="1"/>
      <protection locked="0"/>
    </xf>
    <xf numFmtId="190" fontId="7" fillId="0" borderId="29" xfId="0" applyNumberFormat="1" applyFont="1" applyBorder="1" applyAlignment="1">
      <alignment horizontal="right" vertical="center"/>
    </xf>
    <xf numFmtId="190" fontId="7" fillId="0" borderId="14" xfId="0" applyNumberFormat="1" applyFont="1" applyBorder="1" applyAlignment="1">
      <alignment horizontal="right" vertical="center"/>
    </xf>
    <xf numFmtId="190" fontId="7" fillId="0" borderId="28" xfId="0" applyNumberFormat="1" applyFont="1" applyBorder="1" applyAlignment="1">
      <alignment horizontal="right" vertical="center"/>
    </xf>
    <xf numFmtId="178" fontId="26" fillId="4" borderId="8" xfId="2" applyNumberFormat="1" applyFont="1" applyFill="1" applyBorder="1" applyAlignment="1" applyProtection="1">
      <alignment horizontal="right" vertical="center"/>
      <protection locked="0"/>
    </xf>
    <xf numFmtId="178" fontId="12" fillId="4" borderId="7" xfId="2" applyNumberFormat="1" applyFont="1" applyFill="1" applyBorder="1" applyAlignment="1" applyProtection="1">
      <alignment horizontal="right" vertical="center"/>
      <protection locked="0"/>
    </xf>
    <xf numFmtId="178" fontId="12" fillId="4" borderId="2" xfId="2" applyNumberFormat="1" applyFont="1" applyFill="1" applyBorder="1" applyAlignment="1" applyProtection="1">
      <alignment horizontal="right" vertical="center"/>
      <protection locked="0"/>
    </xf>
    <xf numFmtId="38" fontId="12" fillId="0" borderId="2" xfId="3" applyFont="1" applyFill="1" applyBorder="1" applyAlignment="1" applyProtection="1">
      <alignment horizontal="right" vertical="center"/>
      <protection locked="0"/>
    </xf>
    <xf numFmtId="38" fontId="7" fillId="0" borderId="0" xfId="3" applyFont="1" applyFill="1" applyBorder="1" applyAlignment="1" applyProtection="1">
      <alignment horizontal="right" vertical="center"/>
      <protection locked="0"/>
    </xf>
    <xf numFmtId="0" fontId="7" fillId="0" borderId="31" xfId="0" applyFont="1" applyBorder="1" applyAlignment="1">
      <alignment horizontal="center" vertical="center" wrapText="1"/>
    </xf>
    <xf numFmtId="0" fontId="7" fillId="0" borderId="32" xfId="0" applyFont="1" applyBorder="1" applyAlignment="1">
      <alignment horizontal="center" vertical="center" wrapText="1"/>
    </xf>
    <xf numFmtId="0" fontId="7" fillId="0" borderId="33" xfId="0" applyFont="1" applyBorder="1" applyAlignment="1">
      <alignment horizontal="center" vertical="center" wrapText="1"/>
    </xf>
    <xf numFmtId="38" fontId="7" fillId="0" borderId="31" xfId="3" applyFont="1" applyBorder="1" applyAlignment="1" applyProtection="1">
      <alignment horizontal="center" vertical="center" wrapText="1"/>
    </xf>
    <xf numFmtId="38" fontId="7" fillId="0" borderId="32" xfId="3" applyFont="1" applyBorder="1" applyAlignment="1" applyProtection="1">
      <alignment horizontal="center" vertical="center" wrapText="1"/>
    </xf>
    <xf numFmtId="38" fontId="7" fillId="0" borderId="33" xfId="3" applyFont="1" applyBorder="1" applyAlignment="1" applyProtection="1">
      <alignment horizontal="center" vertical="center" wrapText="1"/>
    </xf>
    <xf numFmtId="38" fontId="18" fillId="0" borderId="0" xfId="2" applyFont="1" applyFill="1" applyBorder="1" applyAlignment="1" applyProtection="1">
      <alignment horizontal="right" vertical="center"/>
    </xf>
    <xf numFmtId="38" fontId="18" fillId="0" borderId="11" xfId="2" applyFont="1" applyFill="1" applyBorder="1" applyAlignment="1" applyProtection="1">
      <alignment horizontal="right" vertical="center"/>
    </xf>
    <xf numFmtId="38" fontId="19" fillId="4" borderId="7" xfId="2" applyFont="1" applyFill="1" applyBorder="1" applyAlignment="1" applyProtection="1">
      <alignment horizontal="right" vertical="center"/>
      <protection locked="0"/>
    </xf>
    <xf numFmtId="38" fontId="19" fillId="4" borderId="2" xfId="2" applyFont="1" applyFill="1" applyBorder="1" applyAlignment="1" applyProtection="1">
      <alignment horizontal="right" vertical="center"/>
      <protection locked="0"/>
    </xf>
    <xf numFmtId="0" fontId="7" fillId="0" borderId="35" xfId="0" applyFont="1" applyBorder="1" applyAlignment="1">
      <alignment horizontal="center" vertical="center"/>
    </xf>
    <xf numFmtId="0" fontId="7" fillId="0" borderId="22" xfId="0" applyFont="1" applyBorder="1" applyAlignment="1">
      <alignment horizontal="center" vertical="center"/>
    </xf>
    <xf numFmtId="0" fontId="7" fillId="0" borderId="38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/>
    </xf>
    <xf numFmtId="0" fontId="7" fillId="0" borderId="14" xfId="0" applyFont="1" applyBorder="1" applyAlignment="1">
      <alignment horizontal="center" vertical="center"/>
    </xf>
    <xf numFmtId="0" fontId="7" fillId="0" borderId="28" xfId="0" applyFont="1" applyBorder="1" applyAlignment="1">
      <alignment horizontal="center" vertical="center"/>
    </xf>
    <xf numFmtId="0" fontId="7" fillId="0" borderId="23" xfId="0" applyFont="1" applyBorder="1" applyAlignment="1">
      <alignment horizontal="center" vertical="center"/>
    </xf>
    <xf numFmtId="38" fontId="12" fillId="4" borderId="2" xfId="2" applyFont="1" applyFill="1" applyBorder="1" applyAlignment="1" applyProtection="1">
      <alignment horizontal="right" vertical="center"/>
      <protection locked="0"/>
    </xf>
    <xf numFmtId="38" fontId="18" fillId="0" borderId="14" xfId="2" applyFont="1" applyFill="1" applyBorder="1" applyAlignment="1" applyProtection="1">
      <alignment horizontal="right" vertical="center"/>
    </xf>
    <xf numFmtId="38" fontId="18" fillId="0" borderId="34" xfId="2" applyFont="1" applyFill="1" applyBorder="1" applyAlignment="1" applyProtection="1">
      <alignment horizontal="right" vertical="center"/>
    </xf>
    <xf numFmtId="38" fontId="12" fillId="4" borderId="27" xfId="2" applyFont="1" applyFill="1" applyBorder="1" applyAlignment="1" applyProtection="1">
      <alignment horizontal="right" vertical="center"/>
      <protection locked="0"/>
    </xf>
    <xf numFmtId="178" fontId="12" fillId="4" borderId="0" xfId="0" applyNumberFormat="1" applyFont="1" applyFill="1" applyAlignment="1" applyProtection="1">
      <alignment horizontal="right" vertical="center"/>
      <protection locked="0"/>
    </xf>
    <xf numFmtId="178" fontId="12" fillId="4" borderId="11" xfId="0" applyNumberFormat="1" applyFont="1" applyFill="1" applyBorder="1" applyAlignment="1" applyProtection="1">
      <alignment horizontal="right" vertical="center"/>
      <protection locked="0"/>
    </xf>
    <xf numFmtId="182" fontId="12" fillId="0" borderId="2" xfId="0" applyNumberFormat="1" applyFont="1" applyBorder="1" applyAlignment="1" applyProtection="1">
      <alignment horizontal="right" vertical="center" wrapText="1"/>
      <protection locked="0"/>
    </xf>
    <xf numFmtId="182" fontId="7" fillId="0" borderId="8" xfId="0" applyNumberFormat="1" applyFont="1" applyBorder="1" applyAlignment="1">
      <alignment horizontal="right" vertical="center" wrapText="1"/>
    </xf>
    <xf numFmtId="182" fontId="7" fillId="0" borderId="0" xfId="0" applyNumberFormat="1" applyFont="1" applyAlignment="1">
      <alignment horizontal="right" vertical="center" wrapText="1"/>
    </xf>
    <xf numFmtId="179" fontId="7" fillId="0" borderId="1" xfId="0" applyNumberFormat="1" applyFont="1" applyBorder="1" applyAlignment="1" applyProtection="1">
      <alignment horizontal="right" vertical="center"/>
      <protection locked="0"/>
    </xf>
    <xf numFmtId="179" fontId="7" fillId="0" borderId="12" xfId="0" applyNumberFormat="1" applyFont="1" applyBorder="1" applyAlignment="1" applyProtection="1">
      <alignment horizontal="right" vertical="center"/>
      <protection locked="0"/>
    </xf>
    <xf numFmtId="179" fontId="7" fillId="0" borderId="41" xfId="0" applyNumberFormat="1" applyFont="1" applyBorder="1" applyAlignment="1" applyProtection="1">
      <alignment horizontal="right" vertical="center"/>
      <protection locked="0"/>
    </xf>
    <xf numFmtId="178" fontId="12" fillId="4" borderId="7" xfId="0" applyNumberFormat="1" applyFont="1" applyFill="1" applyBorder="1" applyAlignment="1" applyProtection="1">
      <alignment horizontal="right" vertical="center"/>
      <protection locked="0"/>
    </xf>
    <xf numFmtId="178" fontId="12" fillId="0" borderId="20" xfId="0" applyNumberFormat="1" applyFont="1" applyBorder="1" applyAlignment="1">
      <alignment horizontal="distributed" vertical="center" wrapText="1" justifyLastLine="1"/>
    </xf>
    <xf numFmtId="178" fontId="12" fillId="0" borderId="16" xfId="0" applyNumberFormat="1" applyFont="1" applyBorder="1" applyAlignment="1">
      <alignment horizontal="distributed" vertical="center" wrapText="1" justifyLastLine="1"/>
    </xf>
    <xf numFmtId="178" fontId="12" fillId="0" borderId="17" xfId="0" applyNumberFormat="1" applyFont="1" applyBorder="1" applyAlignment="1">
      <alignment horizontal="distributed" vertical="center" wrapText="1" justifyLastLine="1"/>
    </xf>
    <xf numFmtId="178" fontId="7" fillId="0" borderId="35" xfId="0" applyNumberFormat="1" applyFont="1" applyBorder="1" applyAlignment="1">
      <alignment horizontal="center" vertical="center"/>
    </xf>
    <xf numFmtId="178" fontId="7" fillId="0" borderId="22" xfId="0" applyNumberFormat="1" applyFont="1" applyBorder="1" applyAlignment="1">
      <alignment horizontal="center" vertical="center"/>
    </xf>
    <xf numFmtId="178" fontId="7" fillId="0" borderId="38" xfId="0" applyNumberFormat="1" applyFont="1" applyBorder="1" applyAlignment="1">
      <alignment horizontal="center" vertical="center"/>
    </xf>
    <xf numFmtId="178" fontId="7" fillId="0" borderId="1" xfId="0" applyNumberFormat="1" applyFont="1" applyBorder="1" applyAlignment="1" applyProtection="1">
      <alignment horizontal="right" vertical="center"/>
      <protection locked="0"/>
    </xf>
    <xf numFmtId="178" fontId="7" fillId="0" borderId="12" xfId="0" applyNumberFormat="1" applyFont="1" applyBorder="1" applyAlignment="1" applyProtection="1">
      <alignment horizontal="right" vertical="center"/>
      <protection locked="0"/>
    </xf>
    <xf numFmtId="178" fontId="7" fillId="0" borderId="9" xfId="0" applyNumberFormat="1" applyFont="1" applyBorder="1" applyAlignment="1">
      <alignment horizontal="center" vertical="center" shrinkToFit="1"/>
    </xf>
    <xf numFmtId="178" fontId="7" fillId="0" borderId="14" xfId="0" applyNumberFormat="1" applyFont="1" applyBorder="1" applyAlignment="1">
      <alignment horizontal="center" vertical="center" shrinkToFit="1"/>
    </xf>
    <xf numFmtId="178" fontId="7" fillId="0" borderId="28" xfId="0" applyNumberFormat="1" applyFont="1" applyBorder="1" applyAlignment="1">
      <alignment horizontal="center" vertical="center" shrinkToFit="1"/>
    </xf>
    <xf numFmtId="178" fontId="7" fillId="0" borderId="20" xfId="0" applyNumberFormat="1" applyFont="1" applyBorder="1" applyAlignment="1">
      <alignment horizontal="center" vertical="center" shrinkToFit="1"/>
    </xf>
    <xf numFmtId="178" fontId="7" fillId="0" borderId="16" xfId="0" applyNumberFormat="1" applyFont="1" applyBorder="1" applyAlignment="1">
      <alignment horizontal="center" vertical="center" shrinkToFit="1"/>
    </xf>
    <xf numFmtId="178" fontId="7" fillId="0" borderId="17" xfId="0" applyNumberFormat="1" applyFont="1" applyBorder="1" applyAlignment="1">
      <alignment horizontal="center" vertical="center" shrinkToFit="1"/>
    </xf>
    <xf numFmtId="178" fontId="7" fillId="0" borderId="14" xfId="0" applyNumberFormat="1" applyFont="1" applyBorder="1" applyAlignment="1" applyProtection="1">
      <alignment vertical="center"/>
      <protection locked="0"/>
    </xf>
    <xf numFmtId="184" fontId="12" fillId="0" borderId="6" xfId="0" applyNumberFormat="1" applyFont="1" applyBorder="1" applyAlignment="1">
      <alignment horizontal="right" vertical="center" indent="3"/>
    </xf>
    <xf numFmtId="184" fontId="12" fillId="0" borderId="2" xfId="0" applyNumberFormat="1" applyFont="1" applyBorder="1" applyAlignment="1">
      <alignment horizontal="right" vertical="center" indent="3"/>
    </xf>
    <xf numFmtId="184" fontId="12" fillId="0" borderId="3" xfId="0" applyNumberFormat="1" applyFont="1" applyBorder="1" applyAlignment="1">
      <alignment horizontal="right" vertical="center" indent="3"/>
    </xf>
    <xf numFmtId="178" fontId="7" fillId="0" borderId="25" xfId="0" applyNumberFormat="1" applyFont="1" applyBorder="1" applyAlignment="1" applyProtection="1">
      <alignment horizontal="right" vertical="center"/>
      <protection locked="0"/>
    </xf>
    <xf numFmtId="179" fontId="12" fillId="0" borderId="2" xfId="0" applyNumberFormat="1" applyFont="1" applyBorder="1" applyAlignment="1">
      <alignment horizontal="right" vertical="center"/>
    </xf>
    <xf numFmtId="179" fontId="12" fillId="0" borderId="27" xfId="0" applyNumberFormat="1" applyFont="1" applyBorder="1" applyAlignment="1">
      <alignment horizontal="right" vertical="center"/>
    </xf>
    <xf numFmtId="0" fontId="12" fillId="0" borderId="2" xfId="0" applyFont="1" applyBorder="1" applyAlignment="1" applyProtection="1">
      <alignment horizontal="right" vertical="center"/>
      <protection locked="0"/>
    </xf>
    <xf numFmtId="0" fontId="7" fillId="0" borderId="0" xfId="0" applyFont="1" applyAlignment="1" applyProtection="1">
      <alignment horizontal="right" vertical="center"/>
      <protection locked="0"/>
    </xf>
    <xf numFmtId="0" fontId="7" fillId="0" borderId="14" xfId="0" applyFont="1" applyBorder="1" applyAlignment="1">
      <alignment horizontal="right" vertical="center"/>
    </xf>
    <xf numFmtId="178" fontId="7" fillId="0" borderId="35" xfId="0" applyNumberFormat="1" applyFont="1" applyBorder="1" applyAlignment="1">
      <alignment horizontal="distributed" vertical="center" justifyLastLine="1"/>
    </xf>
    <xf numFmtId="178" fontId="7" fillId="0" borderId="22" xfId="0" applyNumberFormat="1" applyFont="1" applyBorder="1" applyAlignment="1">
      <alignment horizontal="distributed" vertical="center" justifyLastLine="1"/>
    </xf>
    <xf numFmtId="178" fontId="7" fillId="0" borderId="23" xfId="0" applyNumberFormat="1" applyFont="1" applyBorder="1" applyAlignment="1">
      <alignment horizontal="distributed" vertical="center" justifyLastLine="1"/>
    </xf>
    <xf numFmtId="190" fontId="7" fillId="0" borderId="29" xfId="0" applyNumberFormat="1" applyFont="1" applyBorder="1" applyAlignment="1">
      <alignment horizontal="right" vertical="center" indent="3"/>
    </xf>
    <xf numFmtId="190" fontId="7" fillId="0" borderId="14" xfId="0" applyNumberFormat="1" applyFont="1" applyBorder="1" applyAlignment="1">
      <alignment horizontal="right" vertical="center" indent="3"/>
    </xf>
    <xf numFmtId="190" fontId="7" fillId="0" borderId="28" xfId="0" applyNumberFormat="1" applyFont="1" applyBorder="1" applyAlignment="1">
      <alignment horizontal="right" vertical="center" indent="3"/>
    </xf>
    <xf numFmtId="178" fontId="7" fillId="0" borderId="20" xfId="0" applyNumberFormat="1" applyFont="1" applyBorder="1" applyAlignment="1">
      <alignment horizontal="center" vertical="center" wrapText="1"/>
    </xf>
    <xf numFmtId="178" fontId="7" fillId="0" borderId="16" xfId="0" applyNumberFormat="1" applyFont="1" applyBorder="1" applyAlignment="1">
      <alignment horizontal="center" vertical="center" wrapText="1"/>
    </xf>
    <xf numFmtId="178" fontId="7" fillId="0" borderId="17" xfId="0" applyNumberFormat="1" applyFont="1" applyBorder="1" applyAlignment="1">
      <alignment horizontal="center" vertical="center" wrapText="1"/>
    </xf>
    <xf numFmtId="178" fontId="7" fillId="0" borderId="37" xfId="0" applyNumberFormat="1" applyFont="1" applyBorder="1" applyAlignment="1">
      <alignment horizontal="center" vertical="center" wrapText="1"/>
    </xf>
    <xf numFmtId="178" fontId="7" fillId="0" borderId="19" xfId="0" applyNumberFormat="1" applyFont="1" applyBorder="1" applyAlignment="1">
      <alignment horizontal="distributed" vertical="center" wrapText="1" justifyLastLine="1"/>
    </xf>
    <xf numFmtId="178" fontId="7" fillId="0" borderId="4" xfId="0" applyNumberFormat="1" applyFont="1" applyBorder="1" applyAlignment="1">
      <alignment horizontal="distributed" vertical="center" wrapText="1" justifyLastLine="1"/>
    </xf>
    <xf numFmtId="178" fontId="7" fillId="0" borderId="18" xfId="0" applyNumberFormat="1" applyFont="1" applyBorder="1" applyAlignment="1">
      <alignment horizontal="distributed" vertical="center" wrapText="1" justifyLastLine="1"/>
    </xf>
    <xf numFmtId="190" fontId="12" fillId="0" borderId="5" xfId="0" applyNumberFormat="1" applyFont="1" applyBorder="1" applyAlignment="1">
      <alignment horizontal="center" vertical="center"/>
    </xf>
    <xf numFmtId="190" fontId="12" fillId="0" borderId="0" xfId="0" applyNumberFormat="1" applyFont="1" applyAlignment="1">
      <alignment horizontal="center" vertical="center"/>
    </xf>
    <xf numFmtId="190" fontId="12" fillId="0" borderId="1" xfId="0" applyNumberFormat="1" applyFont="1" applyBorder="1" applyAlignment="1">
      <alignment horizontal="center" vertical="center"/>
    </xf>
    <xf numFmtId="190" fontId="12" fillId="0" borderId="6" xfId="0" applyNumberFormat="1" applyFont="1" applyBorder="1" applyAlignment="1">
      <alignment horizontal="center" vertical="center"/>
    </xf>
    <xf numFmtId="190" fontId="12" fillId="0" borderId="2" xfId="0" applyNumberFormat="1" applyFont="1" applyBorder="1" applyAlignment="1">
      <alignment horizontal="center" vertical="center"/>
    </xf>
    <xf numFmtId="190" fontId="12" fillId="0" borderId="3" xfId="0" applyNumberFormat="1" applyFont="1" applyBorder="1" applyAlignment="1">
      <alignment horizontal="center" vertical="center"/>
    </xf>
    <xf numFmtId="182" fontId="7" fillId="0" borderId="0" xfId="0" applyNumberFormat="1" applyFont="1" applyAlignment="1" applyProtection="1">
      <alignment horizontal="right" vertical="center" wrapText="1"/>
      <protection locked="0"/>
    </xf>
    <xf numFmtId="178" fontId="7" fillId="0" borderId="31" xfId="0" applyNumberFormat="1" applyFont="1" applyBorder="1" applyAlignment="1">
      <alignment horizontal="distributed" vertical="center" wrapText="1" justifyLastLine="1"/>
    </xf>
    <xf numFmtId="178" fontId="7" fillId="0" borderId="32" xfId="0" applyNumberFormat="1" applyFont="1" applyBorder="1" applyAlignment="1">
      <alignment horizontal="distributed" vertical="center" wrapText="1" justifyLastLine="1"/>
    </xf>
    <xf numFmtId="178" fontId="7" fillId="0" borderId="33" xfId="0" applyNumberFormat="1" applyFont="1" applyBorder="1" applyAlignment="1">
      <alignment horizontal="distributed" vertical="center" wrapText="1" justifyLastLine="1"/>
    </xf>
    <xf numFmtId="190" fontId="7" fillId="0" borderId="29" xfId="0" applyNumberFormat="1" applyFont="1" applyBorder="1" applyAlignment="1">
      <alignment horizontal="center" vertical="center"/>
    </xf>
    <xf numFmtId="190" fontId="7" fillId="0" borderId="14" xfId="0" applyNumberFormat="1" applyFont="1" applyBorder="1" applyAlignment="1">
      <alignment horizontal="center" vertical="center"/>
    </xf>
    <xf numFmtId="190" fontId="7" fillId="0" borderId="28" xfId="0" applyNumberFormat="1" applyFont="1" applyBorder="1" applyAlignment="1">
      <alignment horizontal="center" vertical="center"/>
    </xf>
    <xf numFmtId="190" fontId="7" fillId="0" borderId="15" xfId="0" applyNumberFormat="1" applyFont="1" applyBorder="1" applyAlignment="1">
      <alignment horizontal="center" vertical="center"/>
    </xf>
    <xf numFmtId="178" fontId="12" fillId="0" borderId="2" xfId="0" applyNumberFormat="1" applyFont="1" applyBorder="1" applyAlignment="1" applyProtection="1">
      <alignment horizontal="right" vertical="center" shrinkToFit="1"/>
      <protection locked="0"/>
    </xf>
    <xf numFmtId="185" fontId="18" fillId="0" borderId="2" xfId="3" applyNumberFormat="1" applyFont="1" applyFill="1" applyBorder="1" applyAlignment="1" applyProtection="1">
      <alignment horizontal="right" vertical="center"/>
    </xf>
    <xf numFmtId="178" fontId="7" fillId="0" borderId="9" xfId="0" applyNumberFormat="1" applyFont="1" applyBorder="1" applyAlignment="1">
      <alignment horizontal="center" vertical="center" wrapText="1"/>
    </xf>
    <xf numFmtId="178" fontId="7" fillId="0" borderId="14" xfId="0" applyNumberFormat="1" applyFont="1" applyBorder="1" applyAlignment="1">
      <alignment horizontal="center" vertical="center" wrapText="1"/>
    </xf>
    <xf numFmtId="178" fontId="7" fillId="0" borderId="28" xfId="0" applyNumberFormat="1" applyFont="1" applyBorder="1" applyAlignment="1">
      <alignment horizontal="center" vertical="center" wrapText="1"/>
    </xf>
    <xf numFmtId="185" fontId="12" fillId="0" borderId="0" xfId="3" applyNumberFormat="1" applyFont="1" applyFill="1" applyBorder="1" applyAlignment="1" applyProtection="1">
      <alignment horizontal="right" vertical="center"/>
      <protection locked="0"/>
    </xf>
    <xf numFmtId="185" fontId="12" fillId="0" borderId="11" xfId="3" applyNumberFormat="1" applyFont="1" applyFill="1" applyBorder="1" applyAlignment="1" applyProtection="1">
      <alignment horizontal="right" vertical="center"/>
      <protection locked="0"/>
    </xf>
    <xf numFmtId="185" fontId="12" fillId="0" borderId="2" xfId="3" applyNumberFormat="1" applyFont="1" applyFill="1" applyBorder="1" applyAlignment="1" applyProtection="1">
      <alignment horizontal="right" vertical="center"/>
      <protection locked="0"/>
    </xf>
    <xf numFmtId="185" fontId="12" fillId="0" borderId="27" xfId="3" applyNumberFormat="1" applyFont="1" applyFill="1" applyBorder="1" applyAlignment="1" applyProtection="1">
      <alignment horizontal="right" vertical="center"/>
      <protection locked="0"/>
    </xf>
    <xf numFmtId="178" fontId="7" fillId="0" borderId="14" xfId="0" applyNumberFormat="1" applyFont="1" applyBorder="1" applyAlignment="1">
      <alignment horizontal="right" vertical="center" shrinkToFit="1"/>
    </xf>
    <xf numFmtId="178" fontId="7" fillId="0" borderId="37" xfId="0" applyNumberFormat="1" applyFont="1" applyBorder="1" applyAlignment="1" applyProtection="1">
      <alignment horizontal="right" vertical="center"/>
      <protection locked="0"/>
    </xf>
    <xf numFmtId="178" fontId="7" fillId="0" borderId="16" xfId="0" applyNumberFormat="1" applyFont="1" applyBorder="1" applyAlignment="1" applyProtection="1">
      <alignment horizontal="right" vertical="center" shrinkToFit="1"/>
      <protection locked="0"/>
    </xf>
    <xf numFmtId="178" fontId="7" fillId="0" borderId="37" xfId="0" applyNumberFormat="1" applyFont="1" applyBorder="1" applyAlignment="1" applyProtection="1">
      <alignment horizontal="right" vertical="center" shrinkToFit="1"/>
      <protection locked="0"/>
    </xf>
    <xf numFmtId="178" fontId="12" fillId="0" borderId="0" xfId="0" applyNumberFormat="1" applyFont="1" applyAlignment="1" applyProtection="1">
      <alignment horizontal="right" vertical="center" shrinkToFit="1"/>
      <protection locked="0"/>
    </xf>
    <xf numFmtId="178" fontId="12" fillId="0" borderId="11" xfId="0" applyNumberFormat="1" applyFont="1" applyBorder="1" applyAlignment="1" applyProtection="1">
      <alignment horizontal="right" vertical="center" shrinkToFit="1"/>
      <protection locked="0"/>
    </xf>
    <xf numFmtId="178" fontId="18" fillId="0" borderId="5" xfId="0" applyNumberFormat="1" applyFont="1" applyBorder="1" applyAlignment="1">
      <alignment horizontal="distributed" vertical="center" indent="1"/>
    </xf>
    <xf numFmtId="178" fontId="18" fillId="0" borderId="0" xfId="0" applyNumberFormat="1" applyFont="1" applyAlignment="1">
      <alignment horizontal="distributed" vertical="center" indent="1"/>
    </xf>
    <xf numFmtId="178" fontId="18" fillId="0" borderId="1" xfId="0" applyNumberFormat="1" applyFont="1" applyBorder="1" applyAlignment="1">
      <alignment horizontal="distributed" vertical="center" indent="1"/>
    </xf>
    <xf numFmtId="178" fontId="18" fillId="0" borderId="0" xfId="0" applyNumberFormat="1" applyFont="1" applyAlignment="1">
      <alignment horizontal="distributed" vertical="center" shrinkToFit="1"/>
    </xf>
    <xf numFmtId="178" fontId="18" fillId="0" borderId="2" xfId="0" applyNumberFormat="1" applyFont="1" applyBorder="1" applyAlignment="1">
      <alignment horizontal="distributed" vertical="center" shrinkToFit="1"/>
    </xf>
    <xf numFmtId="178" fontId="7" fillId="0" borderId="19" xfId="0" applyNumberFormat="1" applyFont="1" applyBorder="1" applyAlignment="1">
      <alignment horizontal="distributed" vertical="center" indent="1"/>
    </xf>
    <xf numFmtId="178" fontId="7" fillId="0" borderId="4" xfId="0" applyNumberFormat="1" applyFont="1" applyBorder="1" applyAlignment="1">
      <alignment horizontal="distributed" vertical="center" indent="1"/>
    </xf>
    <xf numFmtId="178" fontId="7" fillId="0" borderId="18" xfId="0" applyNumberFormat="1" applyFont="1" applyBorder="1" applyAlignment="1">
      <alignment horizontal="distributed" vertical="center" indent="1"/>
    </xf>
    <xf numFmtId="185" fontId="12" fillId="0" borderId="14" xfId="3" applyNumberFormat="1" applyFont="1" applyFill="1" applyBorder="1" applyAlignment="1" applyProtection="1">
      <alignment horizontal="right" vertical="center"/>
      <protection locked="0"/>
    </xf>
    <xf numFmtId="185" fontId="12" fillId="0" borderId="34" xfId="3" applyNumberFormat="1" applyFont="1" applyFill="1" applyBorder="1" applyAlignment="1" applyProtection="1">
      <alignment horizontal="right" vertical="center"/>
      <protection locked="0"/>
    </xf>
    <xf numFmtId="182" fontId="12" fillId="0" borderId="27" xfId="0" applyNumberFormat="1" applyFont="1" applyBorder="1" applyAlignment="1" applyProtection="1">
      <alignment horizontal="right" vertical="center" wrapText="1"/>
      <protection locked="0"/>
    </xf>
    <xf numFmtId="185" fontId="7" fillId="0" borderId="0" xfId="3" applyNumberFormat="1" applyFont="1" applyFill="1" applyBorder="1" applyAlignment="1" applyProtection="1">
      <alignment horizontal="right" vertical="center"/>
      <protection locked="0"/>
    </xf>
    <xf numFmtId="185" fontId="7" fillId="0" borderId="14" xfId="3" applyNumberFormat="1" applyFont="1" applyFill="1" applyBorder="1" applyAlignment="1" applyProtection="1">
      <alignment horizontal="right" vertical="center"/>
      <protection locked="0"/>
    </xf>
    <xf numFmtId="178" fontId="18" fillId="0" borderId="5" xfId="0" applyNumberFormat="1" applyFont="1" applyBorder="1" applyAlignment="1">
      <alignment horizontal="distributed" vertical="center" indent="2" shrinkToFit="1"/>
    </xf>
    <xf numFmtId="178" fontId="18" fillId="0" borderId="0" xfId="0" applyNumberFormat="1" applyFont="1" applyAlignment="1">
      <alignment horizontal="distributed" vertical="center" indent="2" shrinkToFit="1"/>
    </xf>
    <xf numFmtId="178" fontId="18" fillId="0" borderId="1" xfId="0" applyNumberFormat="1" applyFont="1" applyBorder="1" applyAlignment="1">
      <alignment horizontal="distributed" vertical="center" indent="2" shrinkToFit="1"/>
    </xf>
    <xf numFmtId="185" fontId="7" fillId="0" borderId="8" xfId="3" applyNumberFormat="1" applyFont="1" applyFill="1" applyBorder="1" applyAlignment="1" applyProtection="1">
      <alignment horizontal="right" vertical="center"/>
    </xf>
    <xf numFmtId="185" fontId="12" fillId="0" borderId="0" xfId="3" applyNumberFormat="1" applyFont="1" applyFill="1" applyBorder="1" applyAlignment="1" applyProtection="1">
      <alignment horizontal="right" vertical="center"/>
    </xf>
    <xf numFmtId="185" fontId="12" fillId="0" borderId="11" xfId="3" applyNumberFormat="1" applyFont="1" applyFill="1" applyBorder="1" applyAlignment="1" applyProtection="1">
      <alignment horizontal="right" vertical="center"/>
    </xf>
    <xf numFmtId="178" fontId="18" fillId="0" borderId="5" xfId="0" applyNumberFormat="1" applyFont="1" applyBorder="1" applyAlignment="1">
      <alignment horizontal="distributed" vertical="center" wrapText="1" indent="2" shrinkToFit="1"/>
    </xf>
    <xf numFmtId="185" fontId="7" fillId="0" borderId="14" xfId="3" applyNumberFormat="1" applyFont="1" applyFill="1" applyBorder="1" applyAlignment="1" applyProtection="1">
      <alignment horizontal="right" vertical="center"/>
    </xf>
    <xf numFmtId="185" fontId="19" fillId="0" borderId="2" xfId="3" applyNumberFormat="1" applyFont="1" applyFill="1" applyBorder="1" applyAlignment="1" applyProtection="1">
      <alignment horizontal="right" vertical="center"/>
    </xf>
    <xf numFmtId="185" fontId="19" fillId="0" borderId="27" xfId="3" applyNumberFormat="1" applyFont="1" applyFill="1" applyBorder="1" applyAlignment="1" applyProtection="1">
      <alignment horizontal="right" vertical="center"/>
    </xf>
    <xf numFmtId="185" fontId="18" fillId="0" borderId="7" xfId="3" applyNumberFormat="1" applyFont="1" applyFill="1" applyBorder="1" applyAlignment="1" applyProtection="1">
      <alignment horizontal="right" vertical="center"/>
    </xf>
    <xf numFmtId="185" fontId="19" fillId="0" borderId="14" xfId="3" applyNumberFormat="1" applyFont="1" applyFill="1" applyBorder="1" applyAlignment="1" applyProtection="1">
      <alignment horizontal="right" vertical="center"/>
    </xf>
    <xf numFmtId="185" fontId="19" fillId="0" borderId="34" xfId="3" applyNumberFormat="1" applyFont="1" applyFill="1" applyBorder="1" applyAlignment="1" applyProtection="1">
      <alignment horizontal="right" vertical="center"/>
    </xf>
    <xf numFmtId="178" fontId="18" fillId="0" borderId="29" xfId="0" applyNumberFormat="1" applyFont="1" applyBorder="1" applyAlignment="1">
      <alignment horizontal="distributed" vertical="center" indent="1"/>
    </xf>
    <xf numFmtId="178" fontId="18" fillId="0" borderId="14" xfId="0" applyNumberFormat="1" applyFont="1" applyBorder="1" applyAlignment="1">
      <alignment horizontal="distributed" vertical="center" indent="1"/>
    </xf>
    <xf numFmtId="178" fontId="18" fillId="0" borderId="28" xfId="0" applyNumberFormat="1" applyFont="1" applyBorder="1" applyAlignment="1">
      <alignment horizontal="distributed" vertical="center" indent="1"/>
    </xf>
    <xf numFmtId="185" fontId="18" fillId="0" borderId="9" xfId="3" applyNumberFormat="1" applyFont="1" applyFill="1" applyBorder="1" applyAlignment="1" applyProtection="1">
      <alignment horizontal="right" vertical="center"/>
    </xf>
    <xf numFmtId="185" fontId="18" fillId="0" borderId="14" xfId="3" applyNumberFormat="1" applyFont="1" applyFill="1" applyBorder="1" applyAlignment="1" applyProtection="1">
      <alignment horizontal="right" vertical="center"/>
    </xf>
    <xf numFmtId="185" fontId="26" fillId="0" borderId="14" xfId="3" applyNumberFormat="1" applyFont="1" applyFill="1" applyBorder="1" applyAlignment="1" applyProtection="1">
      <alignment horizontal="right" vertical="center"/>
    </xf>
    <xf numFmtId="185" fontId="19" fillId="0" borderId="0" xfId="3" applyNumberFormat="1" applyFont="1" applyFill="1" applyBorder="1" applyAlignment="1" applyProtection="1">
      <alignment horizontal="right" vertical="center"/>
    </xf>
    <xf numFmtId="185" fontId="19" fillId="0" borderId="11" xfId="3" applyNumberFormat="1" applyFont="1" applyFill="1" applyBorder="1" applyAlignment="1" applyProtection="1">
      <alignment horizontal="right" vertical="center"/>
    </xf>
    <xf numFmtId="0" fontId="7" fillId="0" borderId="0" xfId="3" applyNumberFormat="1" applyFont="1" applyFill="1" applyBorder="1" applyAlignment="1" applyProtection="1">
      <alignment horizontal="right" vertical="center"/>
    </xf>
    <xf numFmtId="185" fontId="18" fillId="0" borderId="8" xfId="3" applyNumberFormat="1" applyFont="1" applyFill="1" applyBorder="1" applyAlignment="1" applyProtection="1">
      <alignment horizontal="right" vertical="center"/>
    </xf>
    <xf numFmtId="185" fontId="18" fillId="0" borderId="0" xfId="3" applyNumberFormat="1" applyFont="1" applyFill="1" applyBorder="1" applyAlignment="1" applyProtection="1">
      <alignment horizontal="right" vertical="center"/>
    </xf>
    <xf numFmtId="178" fontId="11" fillId="0" borderId="0" xfId="0" applyNumberFormat="1" applyFont="1" applyAlignment="1">
      <alignment horizontal="left" vertical="center" shrinkToFit="1"/>
    </xf>
    <xf numFmtId="178" fontId="7" fillId="0" borderId="14" xfId="0" applyNumberFormat="1" applyFont="1" applyBorder="1" applyAlignment="1">
      <alignment horizontal="left" vertical="center"/>
    </xf>
    <xf numFmtId="178" fontId="7" fillId="0" borderId="28" xfId="0" applyNumberFormat="1" applyFont="1" applyBorder="1" applyAlignment="1">
      <alignment horizontal="left" vertical="center"/>
    </xf>
    <xf numFmtId="182" fontId="12" fillId="0" borderId="7" xfId="0" applyNumberFormat="1" applyFont="1" applyBorder="1" applyAlignment="1">
      <alignment horizontal="right" vertical="center" wrapText="1"/>
    </xf>
    <xf numFmtId="182" fontId="12" fillId="0" borderId="2" xfId="0" applyNumberFormat="1" applyFont="1" applyBorder="1" applyAlignment="1">
      <alignment horizontal="right" vertical="center" wrapText="1"/>
    </xf>
    <xf numFmtId="178" fontId="18" fillId="0" borderId="6" xfId="0" applyNumberFormat="1" applyFont="1" applyBorder="1" applyAlignment="1">
      <alignment horizontal="distributed" vertical="center" indent="1"/>
    </xf>
    <xf numFmtId="178" fontId="18" fillId="0" borderId="2" xfId="0" applyNumberFormat="1" applyFont="1" applyBorder="1" applyAlignment="1">
      <alignment horizontal="distributed" vertical="center" indent="1"/>
    </xf>
    <xf numFmtId="178" fontId="18" fillId="0" borderId="3" xfId="0" applyNumberFormat="1" applyFont="1" applyBorder="1" applyAlignment="1">
      <alignment horizontal="distributed" vertical="center" indent="1"/>
    </xf>
    <xf numFmtId="178" fontId="7" fillId="0" borderId="9" xfId="0" applyNumberFormat="1" applyFont="1" applyBorder="1" applyAlignment="1">
      <alignment horizontal="right" vertical="center" shrinkToFit="1"/>
    </xf>
    <xf numFmtId="178" fontId="12" fillId="0" borderId="30" xfId="0" applyNumberFormat="1" applyFont="1" applyBorder="1" applyAlignment="1">
      <alignment horizontal="distributed" vertical="center" wrapText="1" justifyLastLine="1"/>
    </xf>
    <xf numFmtId="178" fontId="12" fillId="0" borderId="25" xfId="0" applyNumberFormat="1" applyFont="1" applyBorder="1" applyAlignment="1">
      <alignment horizontal="distributed" vertical="center" wrapText="1" justifyLastLine="1"/>
    </xf>
    <xf numFmtId="178" fontId="12" fillId="0" borderId="26" xfId="0" applyNumberFormat="1" applyFont="1" applyBorder="1" applyAlignment="1">
      <alignment horizontal="distributed" vertical="center" wrapText="1" justifyLastLine="1"/>
    </xf>
    <xf numFmtId="185" fontId="7" fillId="0" borderId="2" xfId="3" applyNumberFormat="1" applyFont="1" applyFill="1" applyBorder="1" applyAlignment="1" applyProtection="1">
      <alignment horizontal="right" vertical="center"/>
    </xf>
    <xf numFmtId="184" fontId="12" fillId="0" borderId="6" xfId="0" applyNumberFormat="1" applyFont="1" applyBorder="1" applyAlignment="1">
      <alignment horizontal="right" vertical="center" indent="1"/>
    </xf>
    <xf numFmtId="184" fontId="12" fillId="0" borderId="2" xfId="0" applyNumberFormat="1" applyFont="1" applyBorder="1" applyAlignment="1">
      <alignment horizontal="right" vertical="center" indent="1"/>
    </xf>
    <xf numFmtId="184" fontId="12" fillId="0" borderId="3" xfId="0" applyNumberFormat="1" applyFont="1" applyBorder="1" applyAlignment="1">
      <alignment horizontal="right" vertical="center" indent="1"/>
    </xf>
    <xf numFmtId="184" fontId="7" fillId="0" borderId="5" xfId="0" applyNumberFormat="1" applyFont="1" applyBorder="1" applyAlignment="1">
      <alignment horizontal="right" vertical="center" indent="1"/>
    </xf>
    <xf numFmtId="184" fontId="7" fillId="0" borderId="0" xfId="0" applyNumberFormat="1" applyFont="1" applyAlignment="1">
      <alignment horizontal="right" vertical="center" indent="1"/>
    </xf>
    <xf numFmtId="184" fontId="7" fillId="0" borderId="1" xfId="0" applyNumberFormat="1" applyFont="1" applyBorder="1" applyAlignment="1">
      <alignment horizontal="right" vertical="center" indent="1"/>
    </xf>
    <xf numFmtId="178" fontId="7" fillId="0" borderId="15" xfId="0" applyNumberFormat="1" applyFont="1" applyBorder="1" applyAlignment="1">
      <alignment horizontal="left" vertical="center" indent="1"/>
    </xf>
    <xf numFmtId="178" fontId="7" fillId="0" borderId="9" xfId="0" applyNumberFormat="1" applyFont="1" applyBorder="1" applyAlignment="1">
      <alignment horizontal="center" vertical="center"/>
    </xf>
    <xf numFmtId="178" fontId="7" fillId="0" borderId="9" xfId="0" applyNumberFormat="1" applyFont="1" applyBorder="1" applyAlignment="1" applyProtection="1">
      <alignment horizontal="right" vertical="center"/>
      <protection locked="0"/>
    </xf>
    <xf numFmtId="178" fontId="7" fillId="0" borderId="1" xfId="0" applyNumberFormat="1" applyFont="1" applyBorder="1" applyAlignment="1">
      <alignment horizontal="right" vertical="center"/>
    </xf>
    <xf numFmtId="178" fontId="7" fillId="0" borderId="12" xfId="0" applyNumberFormat="1" applyFont="1" applyBorder="1" applyAlignment="1">
      <alignment horizontal="right" vertical="center"/>
    </xf>
    <xf numFmtId="178" fontId="12" fillId="4" borderId="2" xfId="0" applyNumberFormat="1" applyFont="1" applyFill="1" applyBorder="1" applyAlignment="1">
      <alignment horizontal="right" vertical="center"/>
    </xf>
    <xf numFmtId="178" fontId="7" fillId="0" borderId="20" xfId="0" applyNumberFormat="1" applyFont="1" applyBorder="1" applyAlignment="1" applyProtection="1">
      <alignment horizontal="right" vertical="center"/>
      <protection locked="0"/>
    </xf>
    <xf numFmtId="178" fontId="0" fillId="0" borderId="2" xfId="0" applyNumberFormat="1" applyBorder="1" applyAlignment="1">
      <alignment horizontal="right" vertical="center"/>
    </xf>
    <xf numFmtId="178" fontId="0" fillId="0" borderId="27" xfId="0" applyNumberFormat="1" applyBorder="1" applyAlignment="1">
      <alignment horizontal="right" vertical="center"/>
    </xf>
    <xf numFmtId="186" fontId="12" fillId="0" borderId="6" xfId="0" applyNumberFormat="1" applyFont="1" applyBorder="1" applyAlignment="1">
      <alignment horizontal="right" vertical="center"/>
    </xf>
    <xf numFmtId="186" fontId="12" fillId="0" borderId="2" xfId="0" applyNumberFormat="1" applyFont="1" applyBorder="1" applyAlignment="1">
      <alignment horizontal="right" vertical="center"/>
    </xf>
    <xf numFmtId="186" fontId="12" fillId="0" borderId="3" xfId="0" applyNumberFormat="1" applyFont="1" applyBorder="1" applyAlignment="1">
      <alignment horizontal="right" vertical="center"/>
    </xf>
    <xf numFmtId="178" fontId="7" fillId="4" borderId="0" xfId="0" applyNumberFormat="1" applyFont="1" applyFill="1" applyAlignment="1">
      <alignment vertical="center"/>
    </xf>
    <xf numFmtId="179" fontId="12" fillId="4" borderId="2" xfId="0" applyNumberFormat="1" applyFont="1" applyFill="1" applyBorder="1" applyAlignment="1">
      <alignment vertical="center"/>
    </xf>
    <xf numFmtId="179" fontId="12" fillId="4" borderId="27" xfId="0" applyNumberFormat="1" applyFont="1" applyFill="1" applyBorder="1" applyAlignment="1">
      <alignment vertical="center"/>
    </xf>
    <xf numFmtId="178" fontId="7" fillId="4" borderId="8" xfId="0" applyNumberFormat="1" applyFont="1" applyFill="1" applyBorder="1" applyAlignment="1" applyProtection="1">
      <alignment vertical="center"/>
      <protection locked="0"/>
    </xf>
    <xf numFmtId="178" fontId="7" fillId="4" borderId="0" xfId="0" applyNumberFormat="1" applyFont="1" applyFill="1" applyAlignment="1" applyProtection="1">
      <alignment vertical="center"/>
      <protection locked="0"/>
    </xf>
    <xf numFmtId="179" fontId="7" fillId="0" borderId="14" xfId="0" applyNumberFormat="1" applyFont="1" applyBorder="1" applyAlignment="1">
      <alignment vertical="center"/>
    </xf>
    <xf numFmtId="179" fontId="7" fillId="0" borderId="34" xfId="0" applyNumberFormat="1" applyFont="1" applyBorder="1" applyAlignment="1">
      <alignment vertical="center"/>
    </xf>
    <xf numFmtId="178" fontId="7" fillId="0" borderId="37" xfId="0" applyNumberFormat="1" applyFont="1" applyBorder="1" applyAlignment="1">
      <alignment horizontal="distributed" vertical="center" wrapText="1" indent="1"/>
    </xf>
    <xf numFmtId="178" fontId="7" fillId="0" borderId="36" xfId="0" applyNumberFormat="1" applyFont="1" applyBorder="1" applyAlignment="1">
      <alignment horizontal="distributed" vertical="center" wrapText="1" justifyLastLine="1"/>
    </xf>
    <xf numFmtId="178" fontId="26" fillId="4" borderId="11" xfId="2" applyNumberFormat="1" applyFont="1" applyFill="1" applyBorder="1" applyAlignment="1" applyProtection="1">
      <alignment horizontal="right" vertical="center"/>
      <protection locked="0"/>
    </xf>
    <xf numFmtId="179" fontId="27" fillId="0" borderId="2" xfId="0" applyNumberFormat="1" applyFont="1" applyBorder="1" applyAlignment="1">
      <alignment horizontal="right" vertical="center"/>
    </xf>
    <xf numFmtId="179" fontId="27" fillId="0" borderId="27" xfId="0" applyNumberFormat="1" applyFont="1" applyBorder="1" applyAlignment="1">
      <alignment horizontal="right" vertical="center"/>
    </xf>
    <xf numFmtId="178" fontId="7" fillId="0" borderId="42" xfId="0" applyNumberFormat="1" applyFont="1" applyBorder="1" applyAlignment="1">
      <alignment horizontal="center" vertical="center" justifyLastLine="1"/>
    </xf>
    <xf numFmtId="178" fontId="7" fillId="0" borderId="23" xfId="0" applyNumberFormat="1" applyFont="1" applyBorder="1" applyAlignment="1">
      <alignment horizontal="center" vertical="center"/>
    </xf>
    <xf numFmtId="0" fontId="7" fillId="0" borderId="31" xfId="0" applyFont="1" applyBorder="1" applyAlignment="1">
      <alignment horizontal="center" vertical="center"/>
    </xf>
    <xf numFmtId="0" fontId="7" fillId="0" borderId="32" xfId="0" applyFont="1" applyBorder="1" applyAlignment="1">
      <alignment horizontal="center" vertical="center"/>
    </xf>
    <xf numFmtId="0" fontId="7" fillId="0" borderId="33" xfId="0" applyFont="1" applyBorder="1" applyAlignment="1">
      <alignment horizontal="center" vertical="center"/>
    </xf>
    <xf numFmtId="38" fontId="7" fillId="0" borderId="0" xfId="3" applyFont="1" applyFill="1" applyBorder="1" applyAlignment="1" applyProtection="1">
      <alignment vertical="center"/>
      <protection locked="0"/>
    </xf>
    <xf numFmtId="38" fontId="7" fillId="0" borderId="20" xfId="3" applyFont="1" applyBorder="1" applyAlignment="1" applyProtection="1">
      <alignment horizontal="center" vertical="center"/>
    </xf>
    <xf numFmtId="38" fontId="7" fillId="0" borderId="17" xfId="3" applyFont="1" applyBorder="1" applyAlignment="1" applyProtection="1">
      <alignment horizontal="center" vertical="center"/>
    </xf>
    <xf numFmtId="38" fontId="7" fillId="0" borderId="0" xfId="3" applyFont="1" applyFill="1" applyBorder="1" applyAlignment="1" applyProtection="1">
      <alignment horizontal="right" vertical="center"/>
    </xf>
    <xf numFmtId="38" fontId="7" fillId="0" borderId="0" xfId="3" applyFont="1" applyFill="1" applyBorder="1" applyAlignment="1" applyProtection="1">
      <alignment vertical="center"/>
    </xf>
    <xf numFmtId="0" fontId="7" fillId="0" borderId="31" xfId="0" applyFont="1" applyBorder="1" applyAlignment="1">
      <alignment horizontal="distributed" vertical="center" justifyLastLine="1"/>
    </xf>
    <xf numFmtId="0" fontId="7" fillId="0" borderId="32" xfId="0" applyFont="1" applyBorder="1" applyAlignment="1">
      <alignment horizontal="distributed" vertical="center" justifyLastLine="1"/>
    </xf>
    <xf numFmtId="0" fontId="7" fillId="0" borderId="33" xfId="0" applyFont="1" applyBorder="1" applyAlignment="1">
      <alignment horizontal="distributed" vertical="center" justifyLastLine="1"/>
    </xf>
    <xf numFmtId="178" fontId="12" fillId="0" borderId="14" xfId="0" applyNumberFormat="1" applyFont="1" applyBorder="1" applyAlignment="1">
      <alignment vertical="center"/>
    </xf>
    <xf numFmtId="178" fontId="12" fillId="0" borderId="34" xfId="0" applyNumberFormat="1" applyFont="1" applyBorder="1" applyAlignment="1">
      <alignment vertical="center"/>
    </xf>
    <xf numFmtId="182" fontId="7" fillId="0" borderId="11" xfId="0" applyNumberFormat="1" applyFont="1" applyBorder="1" applyAlignment="1">
      <alignment horizontal="right" vertical="center" wrapText="1"/>
    </xf>
    <xf numFmtId="179" fontId="7" fillId="0" borderId="16" xfId="0" applyNumberFormat="1" applyFont="1" applyBorder="1" applyAlignment="1" applyProtection="1">
      <alignment vertical="center"/>
      <protection locked="0"/>
    </xf>
    <xf numFmtId="178" fontId="12" fillId="0" borderId="14" xfId="0" applyNumberFormat="1" applyFont="1" applyBorder="1" applyAlignment="1" applyProtection="1">
      <alignment vertical="center"/>
      <protection locked="0"/>
    </xf>
    <xf numFmtId="178" fontId="12" fillId="0" borderId="34" xfId="0" applyNumberFormat="1" applyFont="1" applyBorder="1" applyAlignment="1" applyProtection="1">
      <alignment vertical="center"/>
      <protection locked="0"/>
    </xf>
    <xf numFmtId="177" fontId="7" fillId="0" borderId="20" xfId="0" applyNumberFormat="1" applyFont="1" applyBorder="1" applyAlignment="1">
      <alignment horizontal="center" vertical="center"/>
    </xf>
    <xf numFmtId="177" fontId="7" fillId="0" borderId="16" xfId="0" applyNumberFormat="1" applyFont="1" applyBorder="1" applyAlignment="1">
      <alignment horizontal="center" vertical="center"/>
    </xf>
    <xf numFmtId="177" fontId="7" fillId="0" borderId="17" xfId="0" applyNumberFormat="1" applyFont="1" applyBorder="1" applyAlignment="1">
      <alignment horizontal="center" vertical="center"/>
    </xf>
    <xf numFmtId="178" fontId="7" fillId="0" borderId="14" xfId="0" applyNumberFormat="1" applyFont="1" applyBorder="1" applyAlignment="1">
      <alignment vertical="center"/>
    </xf>
    <xf numFmtId="178" fontId="7" fillId="0" borderId="7" xfId="0" applyNumberFormat="1" applyFont="1" applyBorder="1" applyAlignment="1" applyProtection="1">
      <alignment horizontal="right" vertical="center"/>
      <protection locked="0"/>
    </xf>
    <xf numFmtId="0" fontId="7" fillId="0" borderId="2" xfId="0" applyFont="1" applyBorder="1" applyAlignment="1" applyProtection="1">
      <alignment horizontal="right" vertical="center"/>
      <protection locked="0"/>
    </xf>
    <xf numFmtId="0" fontId="12" fillId="0" borderId="0" xfId="0" applyFont="1" applyAlignment="1" applyProtection="1">
      <alignment vertical="center"/>
      <protection locked="0"/>
    </xf>
    <xf numFmtId="0" fontId="12" fillId="0" borderId="11" xfId="0" applyFont="1" applyBorder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182" fontId="7" fillId="0" borderId="11" xfId="0" applyNumberFormat="1" applyFont="1" applyBorder="1" applyAlignment="1" applyProtection="1">
      <alignment horizontal="right" vertical="center" wrapText="1"/>
      <protection locked="0"/>
    </xf>
    <xf numFmtId="179" fontId="12" fillId="0" borderId="16" xfId="0" applyNumberFormat="1" applyFont="1" applyBorder="1" applyAlignment="1" applyProtection="1">
      <alignment vertical="center"/>
      <protection locked="0"/>
    </xf>
    <xf numFmtId="179" fontId="12" fillId="0" borderId="37" xfId="0" applyNumberFormat="1" applyFont="1" applyBorder="1" applyAlignment="1" applyProtection="1">
      <alignment vertical="center"/>
      <protection locked="0"/>
    </xf>
    <xf numFmtId="178" fontId="7" fillId="0" borderId="34" xfId="0" applyNumberFormat="1" applyFont="1" applyBorder="1" applyAlignment="1">
      <alignment horizontal="center" vertical="center" shrinkToFit="1"/>
    </xf>
    <xf numFmtId="178" fontId="7" fillId="0" borderId="37" xfId="0" applyNumberFormat="1" applyFont="1" applyBorder="1" applyAlignment="1">
      <alignment horizontal="center" vertical="center" shrinkToFit="1"/>
    </xf>
    <xf numFmtId="178" fontId="11" fillId="0" borderId="9" xfId="0" applyNumberFormat="1" applyFont="1" applyBorder="1" applyAlignment="1">
      <alignment horizontal="center" vertical="center" wrapText="1"/>
    </xf>
    <xf numFmtId="178" fontId="11" fillId="0" borderId="14" xfId="0" applyNumberFormat="1" applyFont="1" applyBorder="1" applyAlignment="1">
      <alignment horizontal="center" vertical="center" wrapText="1"/>
    </xf>
    <xf numFmtId="178" fontId="11" fillId="0" borderId="28" xfId="0" applyNumberFormat="1" applyFont="1" applyBorder="1" applyAlignment="1">
      <alignment horizontal="center" vertical="center" wrapText="1"/>
    </xf>
    <xf numFmtId="178" fontId="11" fillId="0" borderId="17" xfId="0" applyNumberFormat="1" applyFont="1" applyBorder="1" applyAlignment="1">
      <alignment horizontal="center" vertical="center" wrapText="1"/>
    </xf>
    <xf numFmtId="179" fontId="7" fillId="0" borderId="8" xfId="0" applyNumberFormat="1" applyFont="1" applyBorder="1" applyAlignment="1" applyProtection="1">
      <alignment horizontal="right" vertical="center"/>
      <protection locked="0"/>
    </xf>
    <xf numFmtId="178" fontId="12" fillId="4" borderId="8" xfId="0" applyNumberFormat="1" applyFont="1" applyFill="1" applyBorder="1" applyAlignment="1" applyProtection="1">
      <alignment horizontal="right" vertical="center"/>
      <protection locked="0"/>
    </xf>
    <xf numFmtId="178" fontId="7" fillId="0" borderId="42" xfId="0" applyNumberFormat="1" applyFont="1" applyBorder="1" applyAlignment="1">
      <alignment horizontal="center" vertical="center" shrinkToFit="1"/>
    </xf>
    <xf numFmtId="179" fontId="12" fillId="4" borderId="2" xfId="0" applyNumberFormat="1" applyFont="1" applyFill="1" applyBorder="1" applyAlignment="1" applyProtection="1">
      <alignment horizontal="right" vertical="center"/>
      <protection locked="0"/>
    </xf>
    <xf numFmtId="179" fontId="12" fillId="4" borderId="27" xfId="0" applyNumberFormat="1" applyFont="1" applyFill="1" applyBorder="1" applyAlignment="1" applyProtection="1">
      <alignment horizontal="right" vertical="center"/>
      <protection locked="0"/>
    </xf>
    <xf numFmtId="187" fontId="7" fillId="0" borderId="37" xfId="0" applyNumberFormat="1" applyFont="1" applyBorder="1" applyAlignment="1">
      <alignment horizontal="right" vertical="center"/>
    </xf>
    <xf numFmtId="178" fontId="7" fillId="0" borderId="16" xfId="0" applyNumberFormat="1" applyFont="1" applyBorder="1" applyAlignment="1">
      <alignment horizontal="right" vertical="center" shrinkToFit="1"/>
    </xf>
    <xf numFmtId="178" fontId="7" fillId="0" borderId="37" xfId="0" applyNumberFormat="1" applyFont="1" applyBorder="1" applyAlignment="1">
      <alignment horizontal="right" vertical="center" shrinkToFit="1"/>
    </xf>
    <xf numFmtId="178" fontId="7" fillId="0" borderId="34" xfId="0" applyNumberFormat="1" applyFont="1" applyBorder="1" applyAlignment="1" applyProtection="1">
      <alignment horizontal="right" vertical="center"/>
      <protection locked="0"/>
    </xf>
    <xf numFmtId="178" fontId="7" fillId="0" borderId="35" xfId="0" applyNumberFormat="1" applyFont="1" applyBorder="1" applyAlignment="1">
      <alignment horizontal="center" vertical="center" shrinkToFit="1"/>
    </xf>
    <xf numFmtId="178" fontId="7" fillId="0" borderId="22" xfId="0" applyNumberFormat="1" applyFont="1" applyBorder="1" applyAlignment="1">
      <alignment horizontal="center" vertical="center" shrinkToFit="1"/>
    </xf>
    <xf numFmtId="178" fontId="7" fillId="0" borderId="38" xfId="0" applyNumberFormat="1" applyFont="1" applyBorder="1" applyAlignment="1">
      <alignment horizontal="center" vertical="center" shrinkToFit="1"/>
    </xf>
    <xf numFmtId="178" fontId="26" fillId="0" borderId="11" xfId="0" applyNumberFormat="1" applyFont="1" applyBorder="1" applyAlignment="1">
      <alignment horizontal="right" vertical="center"/>
    </xf>
    <xf numFmtId="178" fontId="7" fillId="0" borderId="19" xfId="0" applyNumberFormat="1" applyFont="1" applyBorder="1" applyAlignment="1">
      <alignment horizontal="distributed" vertical="center" indent="5"/>
    </xf>
    <xf numFmtId="178" fontId="7" fillId="0" borderId="4" xfId="0" applyNumberFormat="1" applyFont="1" applyBorder="1" applyAlignment="1">
      <alignment horizontal="distributed" vertical="center" indent="5"/>
    </xf>
    <xf numFmtId="178" fontId="7" fillId="0" borderId="18" xfId="0" applyNumberFormat="1" applyFont="1" applyBorder="1" applyAlignment="1">
      <alignment horizontal="distributed" vertical="center" indent="5"/>
    </xf>
    <xf numFmtId="178" fontId="7" fillId="0" borderId="19" xfId="0" applyNumberFormat="1" applyFont="1" applyBorder="1" applyAlignment="1">
      <alignment horizontal="distributed" vertical="center" justifyLastLine="1"/>
    </xf>
    <xf numFmtId="178" fontId="7" fillId="0" borderId="4" xfId="0" applyNumberFormat="1" applyFont="1" applyBorder="1" applyAlignment="1">
      <alignment horizontal="distributed" vertical="center" justifyLastLine="1"/>
    </xf>
    <xf numFmtId="178" fontId="7" fillId="0" borderId="18" xfId="0" applyNumberFormat="1" applyFont="1" applyBorder="1" applyAlignment="1">
      <alignment horizontal="distributed" vertical="center" justifyLastLine="1"/>
    </xf>
    <xf numFmtId="178" fontId="7" fillId="0" borderId="20" xfId="0" applyNumberFormat="1" applyFont="1" applyBorder="1" applyAlignment="1">
      <alignment horizontal="distributed" vertical="center" justifyLastLine="1"/>
    </xf>
    <xf numFmtId="178" fontId="7" fillId="0" borderId="16" xfId="0" applyNumberFormat="1" applyFont="1" applyBorder="1" applyAlignment="1">
      <alignment horizontal="distributed" vertical="center" justifyLastLine="1"/>
    </xf>
    <xf numFmtId="178" fontId="7" fillId="0" borderId="17" xfId="0" applyNumberFormat="1" applyFont="1" applyBorder="1" applyAlignment="1">
      <alignment horizontal="distributed" vertical="center" justifyLastLine="1"/>
    </xf>
    <xf numFmtId="178" fontId="7" fillId="0" borderId="34" xfId="0" applyNumberFormat="1" applyFont="1" applyBorder="1" applyAlignment="1">
      <alignment horizontal="right" vertical="center" shrinkToFit="1"/>
    </xf>
    <xf numFmtId="178" fontId="7" fillId="0" borderId="8" xfId="0" applyNumberFormat="1" applyFont="1" applyBorder="1" applyAlignment="1">
      <alignment horizontal="distributed" vertical="center" justifyLastLine="1"/>
    </xf>
    <xf numFmtId="178" fontId="7" fillId="0" borderId="0" xfId="0" applyNumberFormat="1" applyFont="1" applyAlignment="1">
      <alignment horizontal="distributed" vertical="center" justifyLastLine="1"/>
    </xf>
    <xf numFmtId="178" fontId="7" fillId="0" borderId="1" xfId="0" applyNumberFormat="1" applyFont="1" applyBorder="1" applyAlignment="1">
      <alignment horizontal="distributed" vertical="center" justifyLastLine="1"/>
    </xf>
    <xf numFmtId="178" fontId="12" fillId="0" borderId="7" xfId="0" applyNumberFormat="1" applyFont="1" applyBorder="1" applyAlignment="1">
      <alignment horizontal="right" vertical="center" shrinkToFit="1"/>
    </xf>
    <xf numFmtId="178" fontId="12" fillId="0" borderId="2" xfId="0" applyNumberFormat="1" applyFont="1" applyBorder="1" applyAlignment="1">
      <alignment horizontal="right" vertical="center" shrinkToFit="1"/>
    </xf>
    <xf numFmtId="178" fontId="7" fillId="0" borderId="14" xfId="0" applyNumberFormat="1" applyFont="1" applyBorder="1" applyAlignment="1" applyProtection="1">
      <alignment horizontal="right" vertical="center" shrinkToFit="1"/>
      <protection locked="0"/>
    </xf>
    <xf numFmtId="178" fontId="7" fillId="0" borderId="34" xfId="0" applyNumberFormat="1" applyFont="1" applyBorder="1" applyAlignment="1" applyProtection="1">
      <alignment horizontal="right" vertical="center" shrinkToFit="1"/>
      <protection locked="0"/>
    </xf>
    <xf numFmtId="178" fontId="7" fillId="0" borderId="36" xfId="0" applyNumberFormat="1" applyFont="1" applyBorder="1" applyAlignment="1">
      <alignment horizontal="distributed" vertical="center" indent="1"/>
    </xf>
    <xf numFmtId="178" fontId="7" fillId="0" borderId="37" xfId="0" applyNumberFormat="1" applyFont="1" applyBorder="1" applyAlignment="1">
      <alignment horizontal="distributed" vertical="center" indent="1"/>
    </xf>
    <xf numFmtId="178" fontId="7" fillId="0" borderId="36" xfId="0" applyNumberFormat="1" applyFont="1" applyBorder="1" applyAlignment="1">
      <alignment horizontal="distributed" vertical="center" justifyLastLine="1"/>
    </xf>
    <xf numFmtId="178" fontId="7" fillId="0" borderId="37" xfId="0" applyNumberFormat="1" applyFont="1" applyBorder="1" applyAlignment="1">
      <alignment horizontal="distributed" vertical="center" justifyLastLine="1"/>
    </xf>
    <xf numFmtId="178" fontId="12" fillId="0" borderId="27" xfId="0" applyNumberFormat="1" applyFont="1" applyBorder="1" applyAlignment="1" applyProtection="1">
      <alignment horizontal="right" vertical="center" shrinkToFit="1"/>
      <protection locked="0"/>
    </xf>
    <xf numFmtId="178" fontId="7" fillId="4" borderId="0" xfId="0" applyNumberFormat="1" applyFont="1" applyFill="1" applyAlignment="1" applyProtection="1">
      <alignment horizontal="right" vertical="center"/>
      <protection locked="0"/>
    </xf>
    <xf numFmtId="178" fontId="12" fillId="4" borderId="2" xfId="0" applyNumberFormat="1" applyFont="1" applyFill="1" applyBorder="1" applyAlignment="1" applyProtection="1">
      <alignment vertical="center"/>
      <protection locked="0"/>
    </xf>
    <xf numFmtId="178" fontId="7" fillId="0" borderId="20" xfId="0" applyNumberFormat="1" applyFont="1" applyBorder="1" applyAlignment="1">
      <alignment horizontal="right" vertical="center" shrinkToFit="1"/>
    </xf>
    <xf numFmtId="185" fontId="7" fillId="0" borderId="2" xfId="3" applyNumberFormat="1" applyFont="1" applyFill="1" applyBorder="1" applyAlignment="1" applyProtection="1">
      <alignment horizontal="right" vertical="center"/>
      <protection locked="0"/>
    </xf>
    <xf numFmtId="178" fontId="12" fillId="4" borderId="7" xfId="0" applyNumberFormat="1" applyFont="1" applyFill="1" applyBorder="1" applyAlignment="1" applyProtection="1">
      <alignment vertical="center"/>
      <protection locked="0"/>
    </xf>
    <xf numFmtId="178" fontId="7" fillId="0" borderId="0" xfId="0" applyNumberFormat="1" applyFont="1" applyAlignment="1">
      <alignment horizontal="distributed" vertical="center"/>
    </xf>
    <xf numFmtId="178" fontId="11" fillId="0" borderId="2" xfId="0" applyNumberFormat="1" applyFont="1" applyBorder="1" applyAlignment="1">
      <alignment horizontal="distributed" vertical="center"/>
    </xf>
    <xf numFmtId="178" fontId="12" fillId="4" borderId="2" xfId="0" applyNumberFormat="1" applyFont="1" applyFill="1" applyBorder="1" applyAlignment="1">
      <alignment vertical="center"/>
    </xf>
    <xf numFmtId="178" fontId="7" fillId="0" borderId="35" xfId="0" applyNumberFormat="1" applyFont="1" applyBorder="1" applyAlignment="1">
      <alignment horizontal="distributed" vertical="center" indent="2"/>
    </xf>
    <xf numFmtId="178" fontId="7" fillId="0" borderId="23" xfId="0" applyNumberFormat="1" applyFont="1" applyBorder="1" applyAlignment="1">
      <alignment horizontal="distributed" vertical="center" indent="2"/>
    </xf>
    <xf numFmtId="0" fontId="7" fillId="0" borderId="31" xfId="0" applyFont="1" applyBorder="1" applyAlignment="1">
      <alignment horizontal="center" vertical="center" shrinkToFit="1"/>
    </xf>
    <xf numFmtId="0" fontId="7" fillId="0" borderId="32" xfId="0" applyFont="1" applyBorder="1" applyAlignment="1">
      <alignment horizontal="center" vertical="center" shrinkToFit="1"/>
    </xf>
    <xf numFmtId="0" fontId="7" fillId="0" borderId="42" xfId="0" applyFont="1" applyBorder="1" applyAlignment="1">
      <alignment horizontal="center" vertical="center" shrinkToFit="1"/>
    </xf>
    <xf numFmtId="190" fontId="7" fillId="0" borderId="5" xfId="0" applyNumberFormat="1" applyFont="1" applyBorder="1" applyAlignment="1">
      <alignment horizontal="right" vertical="center" indent="3"/>
    </xf>
    <xf numFmtId="190" fontId="7" fillId="0" borderId="0" xfId="0" applyNumberFormat="1" applyFont="1" applyAlignment="1">
      <alignment horizontal="right" vertical="center" indent="3"/>
    </xf>
    <xf numFmtId="190" fontId="7" fillId="0" borderId="1" xfId="0" applyNumberFormat="1" applyFont="1" applyBorder="1" applyAlignment="1">
      <alignment horizontal="right" vertical="center" indent="3"/>
    </xf>
    <xf numFmtId="178" fontId="7" fillId="0" borderId="42" xfId="0" applyNumberFormat="1" applyFont="1" applyBorder="1" applyAlignment="1">
      <alignment horizontal="distributed" vertical="center" indent="1"/>
    </xf>
    <xf numFmtId="0" fontId="7" fillId="0" borderId="35" xfId="0" applyFont="1" applyBorder="1" applyAlignment="1">
      <alignment horizontal="distributed" vertical="center" justifyLastLine="1"/>
    </xf>
    <xf numFmtId="0" fontId="7" fillId="0" borderId="22" xfId="0" applyFont="1" applyBorder="1" applyAlignment="1">
      <alignment horizontal="distributed" vertical="center" justifyLastLine="1"/>
    </xf>
    <xf numFmtId="0" fontId="7" fillId="0" borderId="23" xfId="0" applyFont="1" applyBorder="1" applyAlignment="1">
      <alignment horizontal="distributed" vertical="center" justifyLastLine="1"/>
    </xf>
    <xf numFmtId="178" fontId="7" fillId="0" borderId="35" xfId="0" applyNumberFormat="1" applyFont="1" applyBorder="1" applyAlignment="1">
      <alignment horizontal="distributed" vertical="center" indent="6"/>
    </xf>
    <xf numFmtId="178" fontId="7" fillId="0" borderId="22" xfId="0" applyNumberFormat="1" applyFont="1" applyBorder="1" applyAlignment="1">
      <alignment horizontal="distributed" vertical="center" indent="6"/>
    </xf>
    <xf numFmtId="178" fontId="7" fillId="0" borderId="23" xfId="0" applyNumberFormat="1" applyFont="1" applyBorder="1" applyAlignment="1">
      <alignment horizontal="distributed" vertical="center" indent="6"/>
    </xf>
    <xf numFmtId="42" fontId="7" fillId="0" borderId="14" xfId="0" applyNumberFormat="1" applyFont="1" applyBorder="1" applyAlignment="1">
      <alignment horizontal="right" vertical="center"/>
    </xf>
    <xf numFmtId="178" fontId="12" fillId="4" borderId="7" xfId="0" applyNumberFormat="1" applyFont="1" applyFill="1" applyBorder="1" applyAlignment="1">
      <alignment horizontal="right" vertical="center"/>
    </xf>
    <xf numFmtId="178" fontId="7" fillId="0" borderId="9" xfId="0" applyNumberFormat="1" applyFont="1" applyBorder="1" applyAlignment="1" applyProtection="1">
      <alignment vertical="center"/>
      <protection locked="0"/>
    </xf>
    <xf numFmtId="179" fontId="7" fillId="4" borderId="0" xfId="0" applyNumberFormat="1" applyFont="1" applyFill="1" applyAlignment="1">
      <alignment vertical="center"/>
    </xf>
    <xf numFmtId="179" fontId="7" fillId="4" borderId="11" xfId="0" applyNumberFormat="1" applyFont="1" applyFill="1" applyBorder="1" applyAlignment="1">
      <alignment vertical="center"/>
    </xf>
    <xf numFmtId="177" fontId="7" fillId="0" borderId="0" xfId="0" applyNumberFormat="1" applyFont="1" applyAlignment="1" applyProtection="1">
      <alignment horizontal="right" vertical="center"/>
      <protection locked="0"/>
    </xf>
    <xf numFmtId="178" fontId="7" fillId="0" borderId="11" xfId="0" applyNumberFormat="1" applyFont="1" applyBorder="1" applyAlignment="1">
      <alignment horizontal="right" vertical="center"/>
    </xf>
    <xf numFmtId="178" fontId="7" fillId="0" borderId="36" xfId="0" applyNumberFormat="1" applyFont="1" applyBorder="1" applyAlignment="1">
      <alignment horizontal="center" vertical="center"/>
    </xf>
    <xf numFmtId="178" fontId="7" fillId="0" borderId="37" xfId="0" applyNumberFormat="1" applyFont="1" applyBorder="1" applyAlignment="1">
      <alignment horizontal="center" vertical="center"/>
    </xf>
    <xf numFmtId="178" fontId="7" fillId="0" borderId="29" xfId="0" applyNumberFormat="1" applyFont="1" applyBorder="1" applyAlignment="1">
      <alignment horizontal="center" vertical="center" textRotation="255"/>
    </xf>
    <xf numFmtId="178" fontId="7" fillId="0" borderId="28" xfId="0" applyNumberFormat="1" applyFont="1" applyBorder="1" applyAlignment="1">
      <alignment horizontal="center" vertical="center" textRotation="255"/>
    </xf>
    <xf numFmtId="178" fontId="7" fillId="0" borderId="5" xfId="0" applyNumberFormat="1" applyFont="1" applyBorder="1" applyAlignment="1">
      <alignment horizontal="center" vertical="center" textRotation="255"/>
    </xf>
    <xf numFmtId="178" fontId="7" fillId="0" borderId="1" xfId="0" applyNumberFormat="1" applyFont="1" applyBorder="1" applyAlignment="1">
      <alignment horizontal="center" vertical="center" textRotation="255"/>
    </xf>
    <xf numFmtId="178" fontId="7" fillId="0" borderId="6" xfId="0" applyNumberFormat="1" applyFont="1" applyBorder="1" applyAlignment="1">
      <alignment horizontal="center" vertical="center" textRotation="255"/>
    </xf>
    <xf numFmtId="178" fontId="7" fillId="0" borderId="3" xfId="0" applyNumberFormat="1" applyFont="1" applyBorder="1" applyAlignment="1">
      <alignment horizontal="center" vertical="center" textRotation="255"/>
    </xf>
    <xf numFmtId="178" fontId="26" fillId="0" borderId="35" xfId="0" applyNumberFormat="1" applyFont="1" applyBorder="1" applyAlignment="1">
      <alignment horizontal="center" vertical="center"/>
    </xf>
    <xf numFmtId="178" fontId="26" fillId="0" borderId="22" xfId="0" applyNumberFormat="1" applyFont="1" applyBorder="1" applyAlignment="1">
      <alignment horizontal="center" vertical="center"/>
    </xf>
    <xf numFmtId="178" fontId="26" fillId="0" borderId="23" xfId="0" applyNumberFormat="1" applyFont="1" applyBorder="1" applyAlignment="1">
      <alignment horizontal="center" vertical="center"/>
    </xf>
    <xf numFmtId="0" fontId="7" fillId="0" borderId="12" xfId="0" applyFont="1" applyBorder="1" applyAlignment="1">
      <alignment horizontal="distributed" vertical="center" indent="2"/>
    </xf>
    <xf numFmtId="0" fontId="7" fillId="0" borderId="43" xfId="0" applyFont="1" applyBorder="1" applyAlignment="1">
      <alignment horizontal="distributed" vertical="center" indent="2"/>
    </xf>
    <xf numFmtId="0" fontId="7" fillId="0" borderId="44" xfId="0" applyFont="1" applyBorder="1" applyAlignment="1">
      <alignment horizontal="distributed" vertical="center" indent="2"/>
    </xf>
    <xf numFmtId="38" fontId="7" fillId="0" borderId="16" xfId="3" applyFont="1" applyBorder="1" applyAlignment="1" applyProtection="1">
      <alignment horizontal="center" vertical="center"/>
    </xf>
    <xf numFmtId="38" fontId="7" fillId="0" borderId="11" xfId="3" applyFont="1" applyFill="1" applyBorder="1" applyAlignment="1" applyProtection="1">
      <alignment vertical="center"/>
    </xf>
    <xf numFmtId="38" fontId="12" fillId="0" borderId="2" xfId="3" applyFont="1" applyFill="1" applyBorder="1" applyAlignment="1" applyProtection="1">
      <alignment vertical="center"/>
    </xf>
    <xf numFmtId="38" fontId="7" fillId="0" borderId="45" xfId="3" applyFont="1" applyBorder="1" applyAlignment="1" applyProtection="1">
      <alignment horizontal="distributed" vertical="center"/>
    </xf>
    <xf numFmtId="191" fontId="7" fillId="0" borderId="29" xfId="0" applyNumberFormat="1" applyFont="1" applyBorder="1" applyAlignment="1">
      <alignment horizontal="right" vertical="center"/>
    </xf>
    <xf numFmtId="191" fontId="7" fillId="0" borderId="14" xfId="0" applyNumberFormat="1" applyFont="1" applyBorder="1" applyAlignment="1">
      <alignment horizontal="right" vertical="center"/>
    </xf>
    <xf numFmtId="191" fontId="7" fillId="0" borderId="28" xfId="0" applyNumberFormat="1" applyFont="1" applyBorder="1" applyAlignment="1">
      <alignment horizontal="right" vertical="center"/>
    </xf>
    <xf numFmtId="184" fontId="7" fillId="0" borderId="5" xfId="0" applyNumberFormat="1" applyFont="1" applyBorder="1" applyAlignment="1">
      <alignment horizontal="right" vertical="center"/>
    </xf>
    <xf numFmtId="184" fontId="7" fillId="0" borderId="0" xfId="0" applyNumberFormat="1" applyFont="1" applyAlignment="1">
      <alignment horizontal="right" vertical="center"/>
    </xf>
    <xf numFmtId="184" fontId="7" fillId="0" borderId="1" xfId="0" applyNumberFormat="1" applyFont="1" applyBorder="1" applyAlignment="1">
      <alignment horizontal="right" vertical="center"/>
    </xf>
    <xf numFmtId="186" fontId="7" fillId="0" borderId="5" xfId="0" applyNumberFormat="1" applyFont="1" applyBorder="1" applyAlignment="1">
      <alignment horizontal="right" vertical="center"/>
    </xf>
    <xf numFmtId="186" fontId="7" fillId="0" borderId="0" xfId="0" applyNumberFormat="1" applyFont="1" applyAlignment="1">
      <alignment horizontal="right" vertical="center"/>
    </xf>
    <xf numFmtId="186" fontId="7" fillId="0" borderId="1" xfId="0" applyNumberFormat="1" applyFont="1" applyBorder="1" applyAlignment="1">
      <alignment horizontal="right" vertical="center"/>
    </xf>
    <xf numFmtId="178" fontId="7" fillId="0" borderId="19" xfId="0" applyNumberFormat="1" applyFont="1" applyBorder="1" applyAlignment="1">
      <alignment horizontal="distributed" vertical="center" wrapText="1" indent="1"/>
    </xf>
    <xf numFmtId="178" fontId="7" fillId="0" borderId="4" xfId="0" applyNumberFormat="1" applyFont="1" applyBorder="1" applyAlignment="1">
      <alignment horizontal="distributed" vertical="center" wrapText="1" indent="1"/>
    </xf>
    <xf numFmtId="178" fontId="7" fillId="0" borderId="18" xfId="0" applyNumberFormat="1" applyFont="1" applyBorder="1" applyAlignment="1">
      <alignment horizontal="distributed" vertical="center" wrapText="1" indent="1"/>
    </xf>
    <xf numFmtId="178" fontId="26" fillId="0" borderId="0" xfId="0" applyNumberFormat="1" applyFont="1" applyAlignment="1" applyProtection="1">
      <alignment horizontal="right" vertical="center"/>
      <protection locked="0"/>
    </xf>
    <xf numFmtId="178" fontId="26" fillId="0" borderId="8" xfId="0" applyNumberFormat="1" applyFont="1" applyBorder="1" applyAlignment="1" applyProtection="1">
      <alignment horizontal="right" vertical="center"/>
      <protection locked="0"/>
    </xf>
    <xf numFmtId="184" fontId="7" fillId="0" borderId="5" xfId="0" applyNumberFormat="1" applyFont="1" applyBorder="1" applyAlignment="1">
      <alignment horizontal="right" vertical="center" indent="3"/>
    </xf>
    <xf numFmtId="184" fontId="7" fillId="0" borderId="0" xfId="0" applyNumberFormat="1" applyFont="1" applyAlignment="1">
      <alignment horizontal="right" vertical="center" indent="3"/>
    </xf>
    <xf numFmtId="184" fontId="7" fillId="0" borderId="1" xfId="0" applyNumberFormat="1" applyFont="1" applyBorder="1" applyAlignment="1">
      <alignment horizontal="right" vertical="center" indent="3"/>
    </xf>
    <xf numFmtId="179" fontId="26" fillId="0" borderId="0" xfId="0" applyNumberFormat="1" applyFont="1" applyAlignment="1">
      <alignment horizontal="right" vertical="center"/>
    </xf>
    <xf numFmtId="179" fontId="26" fillId="0" borderId="11" xfId="0" applyNumberFormat="1" applyFont="1" applyBorder="1" applyAlignment="1">
      <alignment horizontal="right" vertical="center"/>
    </xf>
    <xf numFmtId="178" fontId="7" fillId="0" borderId="36" xfId="0" applyNumberFormat="1" applyFont="1" applyBorder="1" applyAlignment="1">
      <alignment horizontal="distributed" vertical="center" wrapText="1" indent="1"/>
    </xf>
    <xf numFmtId="184" fontId="12" fillId="0" borderId="6" xfId="0" applyNumberFormat="1" applyFont="1" applyBorder="1" applyAlignment="1">
      <alignment horizontal="right" vertical="center"/>
    </xf>
    <xf numFmtId="184" fontId="12" fillId="0" borderId="2" xfId="0" applyNumberFormat="1" applyFont="1" applyBorder="1" applyAlignment="1">
      <alignment horizontal="right" vertical="center"/>
    </xf>
    <xf numFmtId="184" fontId="12" fillId="0" borderId="3" xfId="0" applyNumberFormat="1" applyFont="1" applyBorder="1" applyAlignment="1">
      <alignment horizontal="right" vertical="center"/>
    </xf>
    <xf numFmtId="179" fontId="7" fillId="0" borderId="14" xfId="0" applyNumberFormat="1" applyFont="1" applyBorder="1" applyAlignment="1">
      <alignment horizontal="right" vertical="center"/>
    </xf>
    <xf numFmtId="179" fontId="7" fillId="0" borderId="34" xfId="0" applyNumberFormat="1" applyFont="1" applyBorder="1" applyAlignment="1">
      <alignment horizontal="right" vertical="center"/>
    </xf>
    <xf numFmtId="178" fontId="7" fillId="4" borderId="8" xfId="2" applyNumberFormat="1" applyFont="1" applyFill="1" applyBorder="1" applyAlignment="1" applyProtection="1">
      <alignment horizontal="right" vertical="center"/>
    </xf>
    <xf numFmtId="178" fontId="7" fillId="4" borderId="0" xfId="2" applyNumberFormat="1" applyFont="1" applyFill="1" applyBorder="1" applyAlignment="1" applyProtection="1">
      <alignment horizontal="right" vertical="center"/>
    </xf>
    <xf numFmtId="183" fontId="7" fillId="0" borderId="11" xfId="3" applyNumberFormat="1" applyFont="1" applyFill="1" applyBorder="1" applyAlignment="1" applyProtection="1">
      <alignment horizontal="right" vertical="center" shrinkToFit="1"/>
      <protection locked="0"/>
    </xf>
    <xf numFmtId="184" fontId="12" fillId="3" borderId="6" xfId="5" applyNumberFormat="1" applyFont="1" applyFill="1" applyBorder="1" applyAlignment="1">
      <alignment horizontal="right" vertical="center" indent="1"/>
    </xf>
    <xf numFmtId="184" fontId="12" fillId="3" borderId="2" xfId="5" applyNumberFormat="1" applyFont="1" applyFill="1" applyBorder="1" applyAlignment="1">
      <alignment horizontal="right" vertical="center" indent="1"/>
    </xf>
    <xf numFmtId="184" fontId="12" fillId="3" borderId="3" xfId="5" applyNumberFormat="1" applyFont="1" applyFill="1" applyBorder="1" applyAlignment="1">
      <alignment horizontal="right" vertical="center" indent="1"/>
    </xf>
    <xf numFmtId="178" fontId="7" fillId="0" borderId="34" xfId="0" applyNumberFormat="1" applyFont="1" applyBorder="1" applyAlignment="1">
      <alignment horizontal="right" vertical="center"/>
    </xf>
    <xf numFmtId="190" fontId="7" fillId="3" borderId="29" xfId="5" applyNumberFormat="1" applyFont="1" applyFill="1" applyBorder="1" applyAlignment="1">
      <alignment horizontal="right" vertical="center" indent="1"/>
    </xf>
    <xf numFmtId="190" fontId="7" fillId="3" borderId="14" xfId="5" applyNumberFormat="1" applyFont="1" applyFill="1" applyBorder="1" applyAlignment="1">
      <alignment horizontal="right" vertical="center" indent="1"/>
    </xf>
    <xf numFmtId="190" fontId="7" fillId="3" borderId="28" xfId="5" applyNumberFormat="1" applyFont="1" applyFill="1" applyBorder="1" applyAlignment="1">
      <alignment horizontal="right" vertical="center" indent="1"/>
    </xf>
    <xf numFmtId="178" fontId="7" fillId="3" borderId="19" xfId="5" applyNumberFormat="1" applyFont="1" applyFill="1" applyBorder="1" applyAlignment="1">
      <alignment horizontal="distributed" vertical="center" wrapText="1" justifyLastLine="1"/>
    </xf>
    <xf numFmtId="178" fontId="7" fillId="3" borderId="4" xfId="5" applyNumberFormat="1" applyFont="1" applyFill="1" applyBorder="1" applyAlignment="1">
      <alignment horizontal="distributed" vertical="center" wrapText="1" justifyLastLine="1"/>
    </xf>
    <xf numFmtId="178" fontId="7" fillId="3" borderId="8" xfId="5" applyNumberFormat="1" applyFont="1" applyFill="1" applyBorder="1" applyAlignment="1">
      <alignment horizontal="distributed" vertical="center" wrapText="1" justifyLastLine="1"/>
    </xf>
    <xf numFmtId="178" fontId="7" fillId="3" borderId="0" xfId="5" applyNumberFormat="1" applyFont="1" applyFill="1" applyAlignment="1">
      <alignment horizontal="distributed" vertical="center" wrapText="1" justifyLastLine="1"/>
    </xf>
    <xf numFmtId="0" fontId="7" fillId="0" borderId="36" xfId="0" applyFont="1" applyBorder="1" applyAlignment="1">
      <alignment horizontal="distributed" vertical="center" justifyLastLine="1"/>
    </xf>
    <xf numFmtId="0" fontId="7" fillId="0" borderId="37" xfId="0" applyFont="1" applyBorder="1" applyAlignment="1">
      <alignment horizontal="distributed" vertical="center" justifyLastLine="1"/>
    </xf>
    <xf numFmtId="184" fontId="7" fillId="0" borderId="5" xfId="0" applyNumberFormat="1" applyFont="1" applyBorder="1" applyAlignment="1">
      <alignment horizontal="right" vertical="center" indent="2"/>
    </xf>
    <xf numFmtId="184" fontId="7" fillId="0" borderId="0" xfId="0" applyNumberFormat="1" applyFont="1" applyAlignment="1">
      <alignment horizontal="right" vertical="center" indent="2"/>
    </xf>
    <xf numFmtId="184" fontId="7" fillId="0" borderId="1" xfId="0" applyNumberFormat="1" applyFont="1" applyBorder="1" applyAlignment="1">
      <alignment horizontal="right" vertical="center" indent="2"/>
    </xf>
    <xf numFmtId="178" fontId="7" fillId="0" borderId="23" xfId="0" applyNumberFormat="1" applyFont="1" applyBorder="1" applyAlignment="1">
      <alignment horizontal="center" vertical="center" shrinkToFit="1"/>
    </xf>
    <xf numFmtId="183" fontId="12" fillId="0" borderId="27" xfId="3" applyNumberFormat="1" applyFont="1" applyFill="1" applyBorder="1" applyAlignment="1" applyProtection="1">
      <alignment horizontal="right" vertical="center"/>
      <protection locked="0"/>
    </xf>
    <xf numFmtId="183" fontId="7" fillId="0" borderId="0" xfId="3" applyNumberFormat="1" applyFont="1" applyFill="1" applyBorder="1" applyAlignment="1" applyProtection="1">
      <alignment horizontal="right" vertical="center"/>
      <protection locked="0"/>
    </xf>
    <xf numFmtId="178" fontId="7" fillId="0" borderId="11" xfId="0" applyNumberFormat="1" applyFont="1" applyBorder="1" applyAlignment="1" applyProtection="1">
      <alignment horizontal="right" vertical="center"/>
      <protection locked="0"/>
    </xf>
    <xf numFmtId="0" fontId="7" fillId="0" borderId="38" xfId="0" applyFont="1" applyBorder="1" applyAlignment="1">
      <alignment horizontal="distributed" vertical="center" justifyLastLine="1"/>
    </xf>
    <xf numFmtId="178" fontId="7" fillId="0" borderId="21" xfId="0" applyNumberFormat="1" applyFont="1" applyBorder="1" applyAlignment="1">
      <alignment horizontal="center" vertical="center"/>
    </xf>
    <xf numFmtId="38" fontId="12" fillId="0" borderId="2" xfId="3" applyFont="1" applyFill="1" applyBorder="1" applyAlignment="1" applyProtection="1">
      <alignment vertical="center"/>
      <protection locked="0"/>
    </xf>
    <xf numFmtId="38" fontId="12" fillId="0" borderId="27" xfId="3" applyFont="1" applyFill="1" applyBorder="1" applyAlignment="1" applyProtection="1">
      <alignment vertical="center"/>
      <protection locked="0"/>
    </xf>
    <xf numFmtId="38" fontId="7" fillId="0" borderId="0" xfId="3" applyFont="1" applyBorder="1" applyAlignment="1" applyProtection="1">
      <alignment horizontal="right" vertical="center"/>
    </xf>
    <xf numFmtId="0" fontId="7" fillId="0" borderId="33" xfId="0" applyFont="1" applyBorder="1" applyAlignment="1">
      <alignment horizontal="center" vertical="center" shrinkToFit="1"/>
    </xf>
    <xf numFmtId="38" fontId="7" fillId="0" borderId="43" xfId="3" applyFont="1" applyBorder="1" applyAlignment="1" applyProtection="1">
      <alignment horizontal="distributed" vertical="center"/>
    </xf>
    <xf numFmtId="38" fontId="7" fillId="0" borderId="46" xfId="3" applyFont="1" applyBorder="1" applyAlignment="1" applyProtection="1">
      <alignment horizontal="distributed" vertical="center"/>
    </xf>
    <xf numFmtId="38" fontId="7" fillId="0" borderId="0" xfId="2" applyFont="1" applyFill="1" applyBorder="1" applyAlignment="1" applyProtection="1">
      <alignment horizontal="right" vertical="center"/>
      <protection locked="0"/>
    </xf>
    <xf numFmtId="178" fontId="11" fillId="0" borderId="35" xfId="0" applyNumberFormat="1" applyFont="1" applyBorder="1" applyAlignment="1">
      <alignment horizontal="distributed" vertical="center" indent="1" shrinkToFit="1"/>
    </xf>
    <xf numFmtId="178" fontId="11" fillId="0" borderId="22" xfId="0" applyNumberFormat="1" applyFont="1" applyBorder="1" applyAlignment="1">
      <alignment horizontal="distributed" vertical="center" indent="1" shrinkToFit="1"/>
    </xf>
    <xf numFmtId="178" fontId="11" fillId="0" borderId="38" xfId="0" applyNumberFormat="1" applyFont="1" applyBorder="1" applyAlignment="1">
      <alignment horizontal="distributed" vertical="center" indent="1" shrinkToFit="1"/>
    </xf>
    <xf numFmtId="183" fontId="7" fillId="0" borderId="34" xfId="3" applyNumberFormat="1" applyFont="1" applyFill="1" applyBorder="1" applyAlignment="1" applyProtection="1">
      <alignment horizontal="right" vertical="center" shrinkToFit="1"/>
      <protection locked="0"/>
    </xf>
    <xf numFmtId="0" fontId="5" fillId="3" borderId="5" xfId="5" applyFont="1" applyFill="1" applyBorder="1" applyAlignment="1">
      <alignment horizontal="center" vertical="center"/>
    </xf>
    <xf numFmtId="0" fontId="5" fillId="3" borderId="0" xfId="5" applyFont="1" applyFill="1" applyAlignment="1">
      <alignment horizontal="center" vertical="center"/>
    </xf>
    <xf numFmtId="0" fontId="5" fillId="3" borderId="1" xfId="5" applyFont="1" applyFill="1" applyBorder="1" applyAlignment="1">
      <alignment horizontal="center" vertical="center"/>
    </xf>
    <xf numFmtId="178" fontId="7" fillId="3" borderId="28" xfId="5" applyNumberFormat="1" applyFont="1" applyFill="1" applyBorder="1" applyAlignment="1">
      <alignment horizontal="distributed" vertical="center" wrapText="1" justifyLastLine="1"/>
    </xf>
    <xf numFmtId="178" fontId="7" fillId="3" borderId="17" xfId="5" applyNumberFormat="1" applyFont="1" applyFill="1" applyBorder="1" applyAlignment="1">
      <alignment horizontal="distributed" vertical="center" wrapText="1" justifyLastLine="1"/>
    </xf>
    <xf numFmtId="178" fontId="7" fillId="0" borderId="34" xfId="0" applyNumberFormat="1" applyFont="1" applyBorder="1" applyAlignment="1">
      <alignment horizontal="center" vertical="center" wrapText="1"/>
    </xf>
    <xf numFmtId="38" fontId="7" fillId="0" borderId="14" xfId="2" applyFont="1" applyFill="1" applyBorder="1" applyAlignment="1" applyProtection="1">
      <alignment horizontal="right" vertical="center"/>
      <protection locked="0"/>
    </xf>
    <xf numFmtId="178" fontId="7" fillId="0" borderId="39" xfId="0" applyNumberFormat="1" applyFont="1" applyBorder="1" applyAlignment="1" applyProtection="1">
      <alignment horizontal="right" vertical="center"/>
      <protection locked="0"/>
    </xf>
    <xf numFmtId="178" fontId="7" fillId="0" borderId="24" xfId="0" applyNumberFormat="1" applyFont="1" applyBorder="1" applyAlignment="1">
      <alignment horizontal="center" vertical="center"/>
    </xf>
    <xf numFmtId="178" fontId="7" fillId="0" borderId="25" xfId="0" applyNumberFormat="1" applyFont="1" applyBorder="1" applyAlignment="1">
      <alignment horizontal="center" vertical="center"/>
    </xf>
    <xf numFmtId="178" fontId="7" fillId="0" borderId="26" xfId="0" applyNumberFormat="1" applyFont="1" applyBorder="1" applyAlignment="1">
      <alignment horizontal="center" vertical="center"/>
    </xf>
    <xf numFmtId="178" fontId="7" fillId="0" borderId="38" xfId="0" applyNumberFormat="1" applyFont="1" applyBorder="1" applyAlignment="1">
      <alignment horizontal="distributed" vertical="center" justifyLastLine="1"/>
    </xf>
    <xf numFmtId="178" fontId="11" fillId="0" borderId="29" xfId="0" applyNumberFormat="1" applyFont="1" applyBorder="1" applyAlignment="1">
      <alignment horizontal="distributed" vertical="center" wrapText="1" indent="1"/>
    </xf>
    <xf numFmtId="178" fontId="11" fillId="0" borderId="14" xfId="0" applyNumberFormat="1" applyFont="1" applyBorder="1" applyAlignment="1">
      <alignment horizontal="distributed" vertical="center" wrapText="1" indent="1"/>
    </xf>
    <xf numFmtId="178" fontId="11" fillId="0" borderId="28" xfId="0" applyNumberFormat="1" applyFont="1" applyBorder="1" applyAlignment="1">
      <alignment horizontal="distributed" vertical="center" wrapText="1" indent="1"/>
    </xf>
    <xf numFmtId="178" fontId="11" fillId="0" borderId="6" xfId="0" applyNumberFormat="1" applyFont="1" applyBorder="1" applyAlignment="1">
      <alignment horizontal="distributed" vertical="center" wrapText="1" indent="1"/>
    </xf>
    <xf numFmtId="178" fontId="11" fillId="0" borderId="2" xfId="0" applyNumberFormat="1" applyFont="1" applyBorder="1" applyAlignment="1">
      <alignment horizontal="distributed" vertical="center" wrapText="1" indent="1"/>
    </xf>
    <xf numFmtId="178" fontId="11" fillId="0" borderId="3" xfId="0" applyNumberFormat="1" applyFont="1" applyBorder="1" applyAlignment="1">
      <alignment horizontal="distributed" vertical="center" wrapText="1" indent="1"/>
    </xf>
    <xf numFmtId="0" fontId="7" fillId="0" borderId="5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7" fillId="0" borderId="15" xfId="0" applyFont="1" applyBorder="1" applyAlignment="1">
      <alignment horizontal="left" vertical="center"/>
    </xf>
    <xf numFmtId="0" fontId="7" fillId="0" borderId="16" xfId="0" applyFont="1" applyBorder="1" applyAlignment="1">
      <alignment horizontal="left" vertical="center"/>
    </xf>
    <xf numFmtId="190" fontId="7" fillId="0" borderId="29" xfId="0" applyNumberFormat="1" applyFont="1" applyBorder="1" applyAlignment="1">
      <alignment horizontal="right" vertical="center" indent="2"/>
    </xf>
    <xf numFmtId="190" fontId="7" fillId="0" borderId="14" xfId="0" applyNumberFormat="1" applyFont="1" applyBorder="1" applyAlignment="1">
      <alignment horizontal="right" vertical="center" indent="2"/>
    </xf>
    <xf numFmtId="190" fontId="7" fillId="0" borderId="28" xfId="0" applyNumberFormat="1" applyFont="1" applyBorder="1" applyAlignment="1">
      <alignment horizontal="right" vertical="center" indent="2"/>
    </xf>
    <xf numFmtId="183" fontId="12" fillId="0" borderId="27" xfId="3" applyNumberFormat="1" applyFont="1" applyFill="1" applyBorder="1" applyAlignment="1" applyProtection="1">
      <alignment horizontal="right" vertical="center" shrinkToFit="1"/>
      <protection locked="0"/>
    </xf>
    <xf numFmtId="188" fontId="7" fillId="0" borderId="0" xfId="2" applyNumberFormat="1" applyFont="1" applyFill="1" applyBorder="1" applyAlignment="1">
      <alignment horizontal="right" vertical="center"/>
    </xf>
    <xf numFmtId="178" fontId="12" fillId="0" borderId="33" xfId="0" applyNumberFormat="1" applyFont="1" applyBorder="1" applyAlignment="1">
      <alignment horizontal="distributed" vertical="center" justifyLastLine="1"/>
    </xf>
    <xf numFmtId="178" fontId="7" fillId="3" borderId="9" xfId="5" applyNumberFormat="1" applyFont="1" applyFill="1" applyBorder="1" applyAlignment="1">
      <alignment horizontal="distributed" vertical="center" wrapText="1" justifyLastLine="1" shrinkToFit="1"/>
    </xf>
    <xf numFmtId="178" fontId="7" fillId="3" borderId="14" xfId="5" applyNumberFormat="1" applyFont="1" applyFill="1" applyBorder="1" applyAlignment="1">
      <alignment horizontal="distributed" vertical="center" wrapText="1" justifyLastLine="1" shrinkToFit="1"/>
    </xf>
    <xf numFmtId="178" fontId="7" fillId="3" borderId="28" xfId="5" applyNumberFormat="1" applyFont="1" applyFill="1" applyBorder="1" applyAlignment="1">
      <alignment horizontal="distributed" vertical="center" wrapText="1" justifyLastLine="1" shrinkToFit="1"/>
    </xf>
    <xf numFmtId="178" fontId="7" fillId="3" borderId="20" xfId="5" applyNumberFormat="1" applyFont="1" applyFill="1" applyBorder="1" applyAlignment="1">
      <alignment horizontal="distributed" vertical="center" wrapText="1" justifyLastLine="1" shrinkToFit="1"/>
    </xf>
    <xf numFmtId="178" fontId="7" fillId="3" borderId="16" xfId="5" applyNumberFormat="1" applyFont="1" applyFill="1" applyBorder="1" applyAlignment="1">
      <alignment horizontal="distributed" vertical="center" wrapText="1" justifyLastLine="1" shrinkToFit="1"/>
    </xf>
    <xf numFmtId="178" fontId="7" fillId="3" borderId="17" xfId="5" applyNumberFormat="1" applyFont="1" applyFill="1" applyBorder="1" applyAlignment="1">
      <alignment horizontal="distributed" vertical="center" wrapText="1" justifyLastLine="1" shrinkToFit="1"/>
    </xf>
    <xf numFmtId="183" fontId="7" fillId="0" borderId="11" xfId="3" applyNumberFormat="1" applyFont="1" applyFill="1" applyBorder="1" applyAlignment="1" applyProtection="1">
      <alignment horizontal="right" vertical="center"/>
      <protection locked="0"/>
    </xf>
    <xf numFmtId="183" fontId="7" fillId="3" borderId="34" xfId="3" applyNumberFormat="1" applyFont="1" applyFill="1" applyBorder="1" applyAlignment="1" applyProtection="1">
      <alignment horizontal="right" vertical="center"/>
    </xf>
    <xf numFmtId="179" fontId="7" fillId="0" borderId="0" xfId="0" applyNumberFormat="1" applyFont="1" applyAlignment="1">
      <alignment horizontal="right" vertical="center"/>
    </xf>
    <xf numFmtId="179" fontId="7" fillId="0" borderId="11" xfId="0" applyNumberFormat="1" applyFont="1" applyBorder="1" applyAlignment="1">
      <alignment horizontal="right" vertical="center"/>
    </xf>
    <xf numFmtId="178" fontId="7" fillId="0" borderId="9" xfId="0" applyNumberFormat="1" applyFont="1" applyBorder="1" applyAlignment="1">
      <alignment vertical="center"/>
    </xf>
    <xf numFmtId="0" fontId="7" fillId="0" borderId="36" xfId="0" applyFont="1" applyBorder="1" applyAlignment="1">
      <alignment horizontal="center" vertical="center"/>
    </xf>
    <xf numFmtId="0" fontId="7" fillId="0" borderId="37" xfId="0" applyFont="1" applyBorder="1" applyAlignment="1">
      <alignment horizontal="center" vertical="center"/>
    </xf>
    <xf numFmtId="178" fontId="7" fillId="0" borderId="19" xfId="0" applyNumberFormat="1" applyFont="1" applyBorder="1" applyAlignment="1">
      <alignment horizontal="center" vertical="center" wrapText="1"/>
    </xf>
    <xf numFmtId="178" fontId="7" fillId="0" borderId="4" xfId="0" applyNumberFormat="1" applyFont="1" applyBorder="1" applyAlignment="1">
      <alignment horizontal="center" vertical="center" wrapText="1"/>
    </xf>
    <xf numFmtId="178" fontId="7" fillId="0" borderId="18" xfId="0" applyNumberFormat="1" applyFont="1" applyBorder="1" applyAlignment="1">
      <alignment horizontal="center" vertical="center" wrapText="1"/>
    </xf>
    <xf numFmtId="178" fontId="7" fillId="0" borderId="30" xfId="0" applyNumberFormat="1" applyFont="1" applyBorder="1" applyAlignment="1">
      <alignment horizontal="right" vertical="center"/>
    </xf>
    <xf numFmtId="178" fontId="7" fillId="0" borderId="25" xfId="0" applyNumberFormat="1" applyFont="1" applyBorder="1" applyAlignment="1">
      <alignment horizontal="right" vertical="center"/>
    </xf>
    <xf numFmtId="178" fontId="7" fillId="4" borderId="14" xfId="2" applyNumberFormat="1" applyFont="1" applyFill="1" applyBorder="1" applyAlignment="1" applyProtection="1">
      <alignment horizontal="right" vertical="center"/>
    </xf>
    <xf numFmtId="178" fontId="7" fillId="3" borderId="15" xfId="5" applyNumberFormat="1" applyFont="1" applyFill="1" applyBorder="1" applyAlignment="1">
      <alignment horizontal="left" vertical="center"/>
    </xf>
    <xf numFmtId="178" fontId="7" fillId="3" borderId="16" xfId="5" applyNumberFormat="1" applyFont="1" applyFill="1" applyBorder="1" applyAlignment="1">
      <alignment horizontal="left" vertical="center"/>
    </xf>
    <xf numFmtId="178" fontId="7" fillId="3" borderId="17" xfId="5" applyNumberFormat="1" applyFont="1" applyFill="1" applyBorder="1" applyAlignment="1">
      <alignment horizontal="left" vertical="center"/>
    </xf>
    <xf numFmtId="184" fontId="12" fillId="0" borderId="6" xfId="0" applyNumberFormat="1" applyFont="1" applyBorder="1" applyAlignment="1">
      <alignment horizontal="right" vertical="center" indent="2"/>
    </xf>
    <xf numFmtId="184" fontId="12" fillId="0" borderId="2" xfId="0" applyNumberFormat="1" applyFont="1" applyBorder="1" applyAlignment="1">
      <alignment horizontal="right" vertical="center" indent="2"/>
    </xf>
    <xf numFmtId="184" fontId="12" fillId="0" borderId="3" xfId="0" applyNumberFormat="1" applyFont="1" applyBorder="1" applyAlignment="1">
      <alignment horizontal="right" vertical="center" indent="2"/>
    </xf>
    <xf numFmtId="178" fontId="7" fillId="3" borderId="10" xfId="5" applyNumberFormat="1" applyFont="1" applyFill="1" applyBorder="1" applyAlignment="1">
      <alignment horizontal="right" vertical="center"/>
    </xf>
    <xf numFmtId="178" fontId="7" fillId="3" borderId="4" xfId="5" applyNumberFormat="1" applyFont="1" applyFill="1" applyBorder="1" applyAlignment="1">
      <alignment horizontal="right" vertical="center"/>
    </xf>
    <xf numFmtId="178" fontId="7" fillId="3" borderId="18" xfId="5" applyNumberFormat="1" applyFont="1" applyFill="1" applyBorder="1" applyAlignment="1">
      <alignment horizontal="right" vertical="center"/>
    </xf>
    <xf numFmtId="178" fontId="12" fillId="0" borderId="27" xfId="0" applyNumberFormat="1" applyFont="1" applyBorder="1" applyAlignment="1">
      <alignment horizontal="right" vertical="center"/>
    </xf>
    <xf numFmtId="0" fontId="5" fillId="3" borderId="22" xfId="5" applyFont="1" applyFill="1" applyBorder="1">
      <alignment vertical="center"/>
    </xf>
    <xf numFmtId="0" fontId="5" fillId="3" borderId="38" xfId="5" applyFont="1" applyFill="1" applyBorder="1">
      <alignment vertical="center"/>
    </xf>
    <xf numFmtId="38" fontId="7" fillId="0" borderId="11" xfId="3" applyFont="1" applyFill="1" applyBorder="1" applyAlignment="1" applyProtection="1">
      <alignment vertical="center"/>
      <protection locked="0"/>
    </xf>
    <xf numFmtId="178" fontId="7" fillId="0" borderId="34" xfId="0" applyNumberFormat="1" applyFont="1" applyBorder="1" applyAlignment="1">
      <alignment horizontal="center" vertical="center"/>
    </xf>
    <xf numFmtId="38" fontId="18" fillId="0" borderId="9" xfId="2" applyFont="1" applyFill="1" applyBorder="1" applyAlignment="1" applyProtection="1">
      <alignment horizontal="right" vertical="center"/>
      <protection locked="0"/>
    </xf>
    <xf numFmtId="38" fontId="18" fillId="0" borderId="14" xfId="2" applyFont="1" applyFill="1" applyBorder="1" applyAlignment="1" applyProtection="1">
      <alignment horizontal="right" vertical="center"/>
      <protection locked="0"/>
    </xf>
    <xf numFmtId="38" fontId="18" fillId="0" borderId="8" xfId="2" applyFont="1" applyFill="1" applyBorder="1" applyAlignment="1" applyProtection="1">
      <alignment horizontal="right" vertical="center"/>
      <protection locked="0"/>
    </xf>
    <xf numFmtId="38" fontId="18" fillId="0" borderId="0" xfId="2" applyFont="1" applyFill="1" applyBorder="1" applyAlignment="1" applyProtection="1">
      <alignment horizontal="right" vertical="center"/>
      <protection locked="0"/>
    </xf>
    <xf numFmtId="42" fontId="7" fillId="0" borderId="8" xfId="0" applyNumberFormat="1" applyFont="1" applyBorder="1" applyAlignment="1" applyProtection="1">
      <alignment horizontal="right" vertical="center"/>
      <protection locked="0"/>
    </xf>
    <xf numFmtId="42" fontId="12" fillId="0" borderId="7" xfId="0" applyNumberFormat="1" applyFont="1" applyBorder="1" applyAlignment="1" applyProtection="1">
      <alignment horizontal="right" vertical="center"/>
      <protection locked="0"/>
    </xf>
    <xf numFmtId="178" fontId="7" fillId="0" borderId="8" xfId="0" applyNumberFormat="1" applyFont="1" applyBorder="1" applyAlignment="1" applyProtection="1">
      <alignment vertical="center"/>
      <protection locked="0"/>
    </xf>
    <xf numFmtId="42" fontId="7" fillId="0" borderId="8" xfId="0" applyNumberFormat="1" applyFont="1" applyBorder="1" applyAlignment="1">
      <alignment horizontal="right" vertical="center"/>
    </xf>
    <xf numFmtId="42" fontId="7" fillId="0" borderId="0" xfId="0" applyNumberFormat="1" applyFont="1" applyAlignment="1">
      <alignment horizontal="right" vertical="center"/>
    </xf>
    <xf numFmtId="178" fontId="7" fillId="0" borderId="9" xfId="0" applyNumberFormat="1" applyFont="1" applyBorder="1" applyAlignment="1">
      <alignment horizontal="distributed" vertical="center"/>
    </xf>
    <xf numFmtId="178" fontId="7" fillId="0" borderId="14" xfId="0" applyNumberFormat="1" applyFont="1" applyBorder="1" applyAlignment="1">
      <alignment horizontal="distributed" vertical="center"/>
    </xf>
    <xf numFmtId="184" fontId="12" fillId="0" borderId="40" xfId="0" applyNumberFormat="1" applyFont="1" applyBorder="1" applyAlignment="1">
      <alignment horizontal="right" vertical="center" indent="1"/>
    </xf>
    <xf numFmtId="184" fontId="12" fillId="0" borderId="13" xfId="0" applyNumberFormat="1" applyFont="1" applyBorder="1" applyAlignment="1">
      <alignment horizontal="right" vertical="center" indent="1"/>
    </xf>
    <xf numFmtId="178" fontId="12" fillId="0" borderId="8" xfId="0" applyNumberFormat="1" applyFont="1" applyBorder="1" applyAlignment="1">
      <alignment horizontal="right" vertical="center" shrinkToFit="1"/>
    </xf>
    <xf numFmtId="178" fontId="12" fillId="0" borderId="0" xfId="0" applyNumberFormat="1" applyFont="1" applyAlignment="1">
      <alignment horizontal="right" vertical="center" shrinkToFit="1"/>
    </xf>
  </cellXfs>
  <cellStyles count="6">
    <cellStyle name="パーセント" xfId="1" builtinId="5"/>
    <cellStyle name="桁区切り" xfId="2" builtinId="6"/>
    <cellStyle name="桁区切り 2" xfId="3"/>
    <cellStyle name="標準" xfId="0" builtinId="0"/>
    <cellStyle name="標準 2" xfId="4"/>
    <cellStyle name="標準 2_i-25-10-人権啓発推進課" xf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050</xdr:colOff>
      <xdr:row>4</xdr:row>
      <xdr:rowOff>19050</xdr:rowOff>
    </xdr:from>
    <xdr:to>
      <xdr:col>9</xdr:col>
      <xdr:colOff>0</xdr:colOff>
      <xdr:row>6</xdr:row>
      <xdr:rowOff>0</xdr:rowOff>
    </xdr:to>
    <xdr:cxnSp macro="">
      <xdr:nvCxnSpPr>
        <xdr:cNvPr id="5756" name="直線コネクタ 2">
          <a:extLst>
            <a:ext uri="{FF2B5EF4-FFF2-40B4-BE49-F238E27FC236}">
              <a16:creationId xmlns:a16="http://schemas.microsoft.com/office/drawing/2014/main" xmlns="" id="{00000000-0008-0000-0000-00007C160000}"/>
            </a:ext>
          </a:extLst>
        </xdr:cNvPr>
        <xdr:cNvCxnSpPr>
          <a:cxnSpLocks noChangeShapeType="1"/>
        </xdr:cNvCxnSpPr>
      </xdr:nvCxnSpPr>
      <xdr:spPr bwMode="auto">
        <a:xfrm>
          <a:off x="19050" y="857250"/>
          <a:ext cx="1962150" cy="38100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30</xdr:row>
      <xdr:rowOff>9525</xdr:rowOff>
    </xdr:from>
    <xdr:to>
      <xdr:col>8</xdr:col>
      <xdr:colOff>180975</xdr:colOff>
      <xdr:row>31</xdr:row>
      <xdr:rowOff>180975</xdr:rowOff>
    </xdr:to>
    <xdr:cxnSp macro="">
      <xdr:nvCxnSpPr>
        <xdr:cNvPr id="5757" name="直線コネクタ 4">
          <a:extLst>
            <a:ext uri="{FF2B5EF4-FFF2-40B4-BE49-F238E27FC236}">
              <a16:creationId xmlns:a16="http://schemas.microsoft.com/office/drawing/2014/main" xmlns="" id="{00000000-0008-0000-0000-00007D160000}"/>
            </a:ext>
          </a:extLst>
        </xdr:cNvPr>
        <xdr:cNvCxnSpPr>
          <a:cxnSpLocks noChangeShapeType="1"/>
        </xdr:cNvCxnSpPr>
      </xdr:nvCxnSpPr>
      <xdr:spPr bwMode="auto">
        <a:xfrm>
          <a:off x="0" y="7496175"/>
          <a:ext cx="1962150" cy="37147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47</xdr:row>
      <xdr:rowOff>0</xdr:rowOff>
    </xdr:from>
    <xdr:to>
      <xdr:col>8</xdr:col>
      <xdr:colOff>0</xdr:colOff>
      <xdr:row>48</xdr:row>
      <xdr:rowOff>180975</xdr:rowOff>
    </xdr:to>
    <xdr:cxnSp macro="">
      <xdr:nvCxnSpPr>
        <xdr:cNvPr id="5758" name="直線コネクタ 5">
          <a:extLst>
            <a:ext uri="{FF2B5EF4-FFF2-40B4-BE49-F238E27FC236}">
              <a16:creationId xmlns:a16="http://schemas.microsoft.com/office/drawing/2014/main" xmlns="" id="{00000000-0008-0000-0000-00007E160000}"/>
            </a:ext>
          </a:extLst>
        </xdr:cNvPr>
        <xdr:cNvCxnSpPr>
          <a:cxnSpLocks noChangeShapeType="1"/>
        </xdr:cNvCxnSpPr>
      </xdr:nvCxnSpPr>
      <xdr:spPr bwMode="auto">
        <a:xfrm>
          <a:off x="0" y="10801350"/>
          <a:ext cx="1781175" cy="38100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58</xdr:row>
      <xdr:rowOff>0</xdr:rowOff>
    </xdr:from>
    <xdr:to>
      <xdr:col>8</xdr:col>
      <xdr:colOff>9525</xdr:colOff>
      <xdr:row>59</xdr:row>
      <xdr:rowOff>190500</xdr:rowOff>
    </xdr:to>
    <xdr:cxnSp macro="">
      <xdr:nvCxnSpPr>
        <xdr:cNvPr id="5759" name="直線コネクタ 8">
          <a:extLst>
            <a:ext uri="{FF2B5EF4-FFF2-40B4-BE49-F238E27FC236}">
              <a16:creationId xmlns:a16="http://schemas.microsoft.com/office/drawing/2014/main" xmlns="" id="{00000000-0008-0000-0000-00007F160000}"/>
            </a:ext>
          </a:extLst>
        </xdr:cNvPr>
        <xdr:cNvCxnSpPr>
          <a:cxnSpLocks noChangeShapeType="1"/>
        </xdr:cNvCxnSpPr>
      </xdr:nvCxnSpPr>
      <xdr:spPr bwMode="auto">
        <a:xfrm>
          <a:off x="0" y="13258800"/>
          <a:ext cx="1790700" cy="39052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70</xdr:row>
      <xdr:rowOff>0</xdr:rowOff>
    </xdr:from>
    <xdr:to>
      <xdr:col>5</xdr:col>
      <xdr:colOff>9525</xdr:colOff>
      <xdr:row>72</xdr:row>
      <xdr:rowOff>190500</xdr:rowOff>
    </xdr:to>
    <xdr:cxnSp macro="">
      <xdr:nvCxnSpPr>
        <xdr:cNvPr id="5760" name="直線コネクタ 10">
          <a:extLst>
            <a:ext uri="{FF2B5EF4-FFF2-40B4-BE49-F238E27FC236}">
              <a16:creationId xmlns:a16="http://schemas.microsoft.com/office/drawing/2014/main" xmlns="" id="{00000000-0008-0000-0000-000080160000}"/>
            </a:ext>
          </a:extLst>
        </xdr:cNvPr>
        <xdr:cNvCxnSpPr>
          <a:cxnSpLocks noChangeShapeType="1"/>
        </xdr:cNvCxnSpPr>
      </xdr:nvCxnSpPr>
      <xdr:spPr bwMode="auto">
        <a:xfrm>
          <a:off x="0" y="15963900"/>
          <a:ext cx="1190625" cy="63817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82</xdr:row>
      <xdr:rowOff>0</xdr:rowOff>
    </xdr:from>
    <xdr:to>
      <xdr:col>5</xdr:col>
      <xdr:colOff>9525</xdr:colOff>
      <xdr:row>84</xdr:row>
      <xdr:rowOff>9525</xdr:rowOff>
    </xdr:to>
    <xdr:cxnSp macro="">
      <xdr:nvCxnSpPr>
        <xdr:cNvPr id="5761" name="直線コネクタ 12">
          <a:extLst>
            <a:ext uri="{FF2B5EF4-FFF2-40B4-BE49-F238E27FC236}">
              <a16:creationId xmlns:a16="http://schemas.microsoft.com/office/drawing/2014/main" xmlns="" id="{00000000-0008-0000-0000-000081160000}"/>
            </a:ext>
          </a:extLst>
        </xdr:cNvPr>
        <xdr:cNvCxnSpPr>
          <a:cxnSpLocks noChangeShapeType="1"/>
        </xdr:cNvCxnSpPr>
      </xdr:nvCxnSpPr>
      <xdr:spPr bwMode="auto">
        <a:xfrm>
          <a:off x="0" y="18592800"/>
          <a:ext cx="1190625" cy="40957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91</xdr:row>
      <xdr:rowOff>0</xdr:rowOff>
    </xdr:from>
    <xdr:to>
      <xdr:col>8</xdr:col>
      <xdr:colOff>180975</xdr:colOff>
      <xdr:row>92</xdr:row>
      <xdr:rowOff>180975</xdr:rowOff>
    </xdr:to>
    <xdr:cxnSp macro="">
      <xdr:nvCxnSpPr>
        <xdr:cNvPr id="5762" name="直線コネクタ 14">
          <a:extLst>
            <a:ext uri="{FF2B5EF4-FFF2-40B4-BE49-F238E27FC236}">
              <a16:creationId xmlns:a16="http://schemas.microsoft.com/office/drawing/2014/main" xmlns="" id="{00000000-0008-0000-0000-000082160000}"/>
            </a:ext>
          </a:extLst>
        </xdr:cNvPr>
        <xdr:cNvCxnSpPr>
          <a:cxnSpLocks noChangeShapeType="1"/>
        </xdr:cNvCxnSpPr>
      </xdr:nvCxnSpPr>
      <xdr:spPr bwMode="auto">
        <a:xfrm>
          <a:off x="0" y="20526375"/>
          <a:ext cx="1962150" cy="38100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113</xdr:row>
      <xdr:rowOff>0</xdr:rowOff>
    </xdr:from>
    <xdr:to>
      <xdr:col>4</xdr:col>
      <xdr:colOff>9525</xdr:colOff>
      <xdr:row>115</xdr:row>
      <xdr:rowOff>0</xdr:rowOff>
    </xdr:to>
    <xdr:cxnSp macro="">
      <xdr:nvCxnSpPr>
        <xdr:cNvPr id="5763" name="直線コネクタ 15">
          <a:extLst>
            <a:ext uri="{FF2B5EF4-FFF2-40B4-BE49-F238E27FC236}">
              <a16:creationId xmlns:a16="http://schemas.microsoft.com/office/drawing/2014/main" xmlns="" id="{00000000-0008-0000-0000-000083160000}"/>
            </a:ext>
          </a:extLst>
        </xdr:cNvPr>
        <xdr:cNvCxnSpPr>
          <a:cxnSpLocks noChangeShapeType="1"/>
        </xdr:cNvCxnSpPr>
      </xdr:nvCxnSpPr>
      <xdr:spPr bwMode="auto">
        <a:xfrm>
          <a:off x="0" y="25060275"/>
          <a:ext cx="990600" cy="40005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120</xdr:row>
      <xdr:rowOff>247650</xdr:rowOff>
    </xdr:from>
    <xdr:to>
      <xdr:col>5</xdr:col>
      <xdr:colOff>0</xdr:colOff>
      <xdr:row>123</xdr:row>
      <xdr:rowOff>9525</xdr:rowOff>
    </xdr:to>
    <xdr:cxnSp macro="">
      <xdr:nvCxnSpPr>
        <xdr:cNvPr id="5764" name="直線コネクタ 17">
          <a:extLst>
            <a:ext uri="{FF2B5EF4-FFF2-40B4-BE49-F238E27FC236}">
              <a16:creationId xmlns:a16="http://schemas.microsoft.com/office/drawing/2014/main" xmlns="" id="{00000000-0008-0000-0000-000084160000}"/>
            </a:ext>
          </a:extLst>
        </xdr:cNvPr>
        <xdr:cNvCxnSpPr>
          <a:cxnSpLocks noChangeShapeType="1"/>
        </xdr:cNvCxnSpPr>
      </xdr:nvCxnSpPr>
      <xdr:spPr bwMode="auto">
        <a:xfrm>
          <a:off x="0" y="26822400"/>
          <a:ext cx="1181100" cy="40957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130</xdr:row>
      <xdr:rowOff>0</xdr:rowOff>
    </xdr:from>
    <xdr:to>
      <xdr:col>8</xdr:col>
      <xdr:colOff>0</xdr:colOff>
      <xdr:row>131</xdr:row>
      <xdr:rowOff>180975</xdr:rowOff>
    </xdr:to>
    <xdr:cxnSp macro="">
      <xdr:nvCxnSpPr>
        <xdr:cNvPr id="5765" name="直線コネクタ 19">
          <a:extLst>
            <a:ext uri="{FF2B5EF4-FFF2-40B4-BE49-F238E27FC236}">
              <a16:creationId xmlns:a16="http://schemas.microsoft.com/office/drawing/2014/main" xmlns="" id="{00000000-0008-0000-0000-000085160000}"/>
            </a:ext>
          </a:extLst>
        </xdr:cNvPr>
        <xdr:cNvCxnSpPr>
          <a:cxnSpLocks noChangeShapeType="1"/>
        </xdr:cNvCxnSpPr>
      </xdr:nvCxnSpPr>
      <xdr:spPr bwMode="auto">
        <a:xfrm>
          <a:off x="0" y="28784550"/>
          <a:ext cx="1781175" cy="38100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138</xdr:row>
      <xdr:rowOff>9525</xdr:rowOff>
    </xdr:from>
    <xdr:to>
      <xdr:col>3</xdr:col>
      <xdr:colOff>19050</xdr:colOff>
      <xdr:row>140</xdr:row>
      <xdr:rowOff>9525</xdr:rowOff>
    </xdr:to>
    <xdr:cxnSp macro="">
      <xdr:nvCxnSpPr>
        <xdr:cNvPr id="5766" name="直線コネクタ 21">
          <a:extLst>
            <a:ext uri="{FF2B5EF4-FFF2-40B4-BE49-F238E27FC236}">
              <a16:creationId xmlns:a16="http://schemas.microsoft.com/office/drawing/2014/main" xmlns="" id="{00000000-0008-0000-0000-000086160000}"/>
            </a:ext>
          </a:extLst>
        </xdr:cNvPr>
        <xdr:cNvCxnSpPr>
          <a:cxnSpLocks noChangeShapeType="1"/>
        </xdr:cNvCxnSpPr>
      </xdr:nvCxnSpPr>
      <xdr:spPr bwMode="auto">
        <a:xfrm>
          <a:off x="0" y="30556200"/>
          <a:ext cx="676275" cy="49530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145</xdr:row>
      <xdr:rowOff>238125</xdr:rowOff>
    </xdr:from>
    <xdr:to>
      <xdr:col>5</xdr:col>
      <xdr:colOff>0</xdr:colOff>
      <xdr:row>150</xdr:row>
      <xdr:rowOff>0</xdr:rowOff>
    </xdr:to>
    <xdr:cxnSp macro="">
      <xdr:nvCxnSpPr>
        <xdr:cNvPr id="5767" name="直線コネクタ 23">
          <a:extLst>
            <a:ext uri="{FF2B5EF4-FFF2-40B4-BE49-F238E27FC236}">
              <a16:creationId xmlns:a16="http://schemas.microsoft.com/office/drawing/2014/main" xmlns="" id="{00000000-0008-0000-0000-000087160000}"/>
            </a:ext>
          </a:extLst>
        </xdr:cNvPr>
        <xdr:cNvCxnSpPr>
          <a:cxnSpLocks noChangeShapeType="1"/>
        </xdr:cNvCxnSpPr>
      </xdr:nvCxnSpPr>
      <xdr:spPr bwMode="auto">
        <a:xfrm>
          <a:off x="0" y="32394525"/>
          <a:ext cx="1181100" cy="69532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174</xdr:row>
      <xdr:rowOff>0</xdr:rowOff>
    </xdr:from>
    <xdr:to>
      <xdr:col>7</xdr:col>
      <xdr:colOff>180975</xdr:colOff>
      <xdr:row>176</xdr:row>
      <xdr:rowOff>9525</xdr:rowOff>
    </xdr:to>
    <xdr:cxnSp macro="">
      <xdr:nvCxnSpPr>
        <xdr:cNvPr id="5768" name="直線コネクタ 27">
          <a:extLst>
            <a:ext uri="{FF2B5EF4-FFF2-40B4-BE49-F238E27FC236}">
              <a16:creationId xmlns:a16="http://schemas.microsoft.com/office/drawing/2014/main" xmlns="" id="{00000000-0008-0000-0000-000088160000}"/>
            </a:ext>
          </a:extLst>
        </xdr:cNvPr>
        <xdr:cNvCxnSpPr>
          <a:cxnSpLocks noChangeShapeType="1"/>
        </xdr:cNvCxnSpPr>
      </xdr:nvCxnSpPr>
      <xdr:spPr bwMode="auto">
        <a:xfrm>
          <a:off x="0" y="38471475"/>
          <a:ext cx="1762125" cy="40957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182</xdr:row>
      <xdr:rowOff>9525</xdr:rowOff>
    </xdr:from>
    <xdr:to>
      <xdr:col>8</xdr:col>
      <xdr:colOff>9525</xdr:colOff>
      <xdr:row>184</xdr:row>
      <xdr:rowOff>0</xdr:rowOff>
    </xdr:to>
    <xdr:cxnSp macro="">
      <xdr:nvCxnSpPr>
        <xdr:cNvPr id="5769" name="直線コネクタ 29">
          <a:extLst>
            <a:ext uri="{FF2B5EF4-FFF2-40B4-BE49-F238E27FC236}">
              <a16:creationId xmlns:a16="http://schemas.microsoft.com/office/drawing/2014/main" xmlns="" id="{00000000-0008-0000-0000-000089160000}"/>
            </a:ext>
          </a:extLst>
        </xdr:cNvPr>
        <xdr:cNvCxnSpPr>
          <a:cxnSpLocks noChangeShapeType="1"/>
        </xdr:cNvCxnSpPr>
      </xdr:nvCxnSpPr>
      <xdr:spPr bwMode="auto">
        <a:xfrm>
          <a:off x="0" y="40195500"/>
          <a:ext cx="1790700" cy="39052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19050</xdr:colOff>
      <xdr:row>190</xdr:row>
      <xdr:rowOff>9525</xdr:rowOff>
    </xdr:from>
    <xdr:to>
      <xdr:col>4</xdr:col>
      <xdr:colOff>19050</xdr:colOff>
      <xdr:row>192</xdr:row>
      <xdr:rowOff>0</xdr:rowOff>
    </xdr:to>
    <xdr:cxnSp macro="">
      <xdr:nvCxnSpPr>
        <xdr:cNvPr id="5770" name="直線コネクタ 31">
          <a:extLst>
            <a:ext uri="{FF2B5EF4-FFF2-40B4-BE49-F238E27FC236}">
              <a16:creationId xmlns:a16="http://schemas.microsoft.com/office/drawing/2014/main" xmlns="" id="{00000000-0008-0000-0000-00008A160000}"/>
            </a:ext>
          </a:extLst>
        </xdr:cNvPr>
        <xdr:cNvCxnSpPr>
          <a:cxnSpLocks noChangeShapeType="1"/>
        </xdr:cNvCxnSpPr>
      </xdr:nvCxnSpPr>
      <xdr:spPr bwMode="auto">
        <a:xfrm>
          <a:off x="19050" y="41957625"/>
          <a:ext cx="981075" cy="39052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199</xdr:row>
      <xdr:rowOff>9525</xdr:rowOff>
    </xdr:from>
    <xdr:to>
      <xdr:col>6</xdr:col>
      <xdr:colOff>9525</xdr:colOff>
      <xdr:row>201</xdr:row>
      <xdr:rowOff>9525</xdr:rowOff>
    </xdr:to>
    <xdr:cxnSp macro="">
      <xdr:nvCxnSpPr>
        <xdr:cNvPr id="5771" name="直線コネクタ 33">
          <a:extLst>
            <a:ext uri="{FF2B5EF4-FFF2-40B4-BE49-F238E27FC236}">
              <a16:creationId xmlns:a16="http://schemas.microsoft.com/office/drawing/2014/main" xmlns="" id="{00000000-0008-0000-0000-00008B160000}"/>
            </a:ext>
          </a:extLst>
        </xdr:cNvPr>
        <xdr:cNvCxnSpPr>
          <a:cxnSpLocks noChangeShapeType="1"/>
        </xdr:cNvCxnSpPr>
      </xdr:nvCxnSpPr>
      <xdr:spPr bwMode="auto">
        <a:xfrm>
          <a:off x="0" y="43919775"/>
          <a:ext cx="1390650" cy="40005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9525</xdr:colOff>
      <xdr:row>207</xdr:row>
      <xdr:rowOff>9525</xdr:rowOff>
    </xdr:from>
    <xdr:to>
      <xdr:col>8</xdr:col>
      <xdr:colOff>190500</xdr:colOff>
      <xdr:row>208</xdr:row>
      <xdr:rowOff>190500</xdr:rowOff>
    </xdr:to>
    <xdr:cxnSp macro="">
      <xdr:nvCxnSpPr>
        <xdr:cNvPr id="5772" name="直線コネクタ 35">
          <a:extLst>
            <a:ext uri="{FF2B5EF4-FFF2-40B4-BE49-F238E27FC236}">
              <a16:creationId xmlns:a16="http://schemas.microsoft.com/office/drawing/2014/main" xmlns="" id="{00000000-0008-0000-0000-00008C160000}"/>
            </a:ext>
          </a:extLst>
        </xdr:cNvPr>
        <xdr:cNvCxnSpPr>
          <a:cxnSpLocks noChangeShapeType="1"/>
        </xdr:cNvCxnSpPr>
      </xdr:nvCxnSpPr>
      <xdr:spPr bwMode="auto">
        <a:xfrm>
          <a:off x="9525" y="45681900"/>
          <a:ext cx="1962150" cy="38100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215</xdr:row>
      <xdr:rowOff>9525</xdr:rowOff>
    </xdr:from>
    <xdr:to>
      <xdr:col>9</xdr:col>
      <xdr:colOff>9525</xdr:colOff>
      <xdr:row>217</xdr:row>
      <xdr:rowOff>161925</xdr:rowOff>
    </xdr:to>
    <xdr:cxnSp macro="">
      <xdr:nvCxnSpPr>
        <xdr:cNvPr id="5773" name="直線コネクタ 36">
          <a:extLst>
            <a:ext uri="{FF2B5EF4-FFF2-40B4-BE49-F238E27FC236}">
              <a16:creationId xmlns:a16="http://schemas.microsoft.com/office/drawing/2014/main" xmlns="" id="{00000000-0008-0000-0000-00008D160000}"/>
            </a:ext>
          </a:extLst>
        </xdr:cNvPr>
        <xdr:cNvCxnSpPr>
          <a:cxnSpLocks noChangeShapeType="1"/>
        </xdr:cNvCxnSpPr>
      </xdr:nvCxnSpPr>
      <xdr:spPr bwMode="auto">
        <a:xfrm>
          <a:off x="0" y="47301150"/>
          <a:ext cx="1990725" cy="52387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224</xdr:row>
      <xdr:rowOff>9525</xdr:rowOff>
    </xdr:from>
    <xdr:to>
      <xdr:col>5</xdr:col>
      <xdr:colOff>9525</xdr:colOff>
      <xdr:row>226</xdr:row>
      <xdr:rowOff>161925</xdr:rowOff>
    </xdr:to>
    <xdr:cxnSp macro="">
      <xdr:nvCxnSpPr>
        <xdr:cNvPr id="5774" name="直線コネクタ 38">
          <a:extLst>
            <a:ext uri="{FF2B5EF4-FFF2-40B4-BE49-F238E27FC236}">
              <a16:creationId xmlns:a16="http://schemas.microsoft.com/office/drawing/2014/main" xmlns="" id="{00000000-0008-0000-0000-00008E160000}"/>
            </a:ext>
          </a:extLst>
        </xdr:cNvPr>
        <xdr:cNvCxnSpPr>
          <a:cxnSpLocks noChangeShapeType="1"/>
        </xdr:cNvCxnSpPr>
      </xdr:nvCxnSpPr>
      <xdr:spPr bwMode="auto">
        <a:xfrm>
          <a:off x="0" y="49206150"/>
          <a:ext cx="1190625" cy="49530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234</xdr:row>
      <xdr:rowOff>0</xdr:rowOff>
    </xdr:from>
    <xdr:to>
      <xdr:col>8</xdr:col>
      <xdr:colOff>180975</xdr:colOff>
      <xdr:row>235</xdr:row>
      <xdr:rowOff>180975</xdr:rowOff>
    </xdr:to>
    <xdr:cxnSp macro="">
      <xdr:nvCxnSpPr>
        <xdr:cNvPr id="5775" name="直線コネクタ 40">
          <a:extLst>
            <a:ext uri="{FF2B5EF4-FFF2-40B4-BE49-F238E27FC236}">
              <a16:creationId xmlns:a16="http://schemas.microsoft.com/office/drawing/2014/main" xmlns="" id="{00000000-0008-0000-0000-00008F160000}"/>
            </a:ext>
          </a:extLst>
        </xdr:cNvPr>
        <xdr:cNvCxnSpPr>
          <a:cxnSpLocks noChangeShapeType="1"/>
        </xdr:cNvCxnSpPr>
      </xdr:nvCxnSpPr>
      <xdr:spPr bwMode="auto">
        <a:xfrm>
          <a:off x="0" y="51273075"/>
          <a:ext cx="1962150" cy="38100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19050</xdr:colOff>
      <xdr:row>248</xdr:row>
      <xdr:rowOff>9525</xdr:rowOff>
    </xdr:from>
    <xdr:to>
      <xdr:col>9</xdr:col>
      <xdr:colOff>19050</xdr:colOff>
      <xdr:row>250</xdr:row>
      <xdr:rowOff>0</xdr:rowOff>
    </xdr:to>
    <xdr:cxnSp macro="">
      <xdr:nvCxnSpPr>
        <xdr:cNvPr id="5776" name="直線コネクタ 41">
          <a:extLst>
            <a:ext uri="{FF2B5EF4-FFF2-40B4-BE49-F238E27FC236}">
              <a16:creationId xmlns:a16="http://schemas.microsoft.com/office/drawing/2014/main" xmlns="" id="{00000000-0008-0000-0000-000090160000}"/>
            </a:ext>
          </a:extLst>
        </xdr:cNvPr>
        <xdr:cNvCxnSpPr>
          <a:cxnSpLocks noChangeShapeType="1"/>
        </xdr:cNvCxnSpPr>
      </xdr:nvCxnSpPr>
      <xdr:spPr bwMode="auto">
        <a:xfrm>
          <a:off x="19050" y="54102000"/>
          <a:ext cx="1981200" cy="39052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9525</xdr:colOff>
      <xdr:row>264</xdr:row>
      <xdr:rowOff>9525</xdr:rowOff>
    </xdr:from>
    <xdr:to>
      <xdr:col>8</xdr:col>
      <xdr:colOff>190500</xdr:colOff>
      <xdr:row>265</xdr:row>
      <xdr:rowOff>190500</xdr:rowOff>
    </xdr:to>
    <xdr:cxnSp macro="">
      <xdr:nvCxnSpPr>
        <xdr:cNvPr id="5777" name="直線コネクタ 43">
          <a:extLst>
            <a:ext uri="{FF2B5EF4-FFF2-40B4-BE49-F238E27FC236}">
              <a16:creationId xmlns:a16="http://schemas.microsoft.com/office/drawing/2014/main" xmlns="" id="{00000000-0008-0000-0000-000091160000}"/>
            </a:ext>
          </a:extLst>
        </xdr:cNvPr>
        <xdr:cNvCxnSpPr>
          <a:cxnSpLocks noChangeShapeType="1"/>
        </xdr:cNvCxnSpPr>
      </xdr:nvCxnSpPr>
      <xdr:spPr bwMode="auto">
        <a:xfrm>
          <a:off x="9525" y="57321450"/>
          <a:ext cx="1962150" cy="38100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282</xdr:row>
      <xdr:rowOff>0</xdr:rowOff>
    </xdr:from>
    <xdr:to>
      <xdr:col>8</xdr:col>
      <xdr:colOff>180975</xdr:colOff>
      <xdr:row>283</xdr:row>
      <xdr:rowOff>180975</xdr:rowOff>
    </xdr:to>
    <xdr:cxnSp macro="">
      <xdr:nvCxnSpPr>
        <xdr:cNvPr id="5778" name="直線コネクタ 44">
          <a:extLst>
            <a:ext uri="{FF2B5EF4-FFF2-40B4-BE49-F238E27FC236}">
              <a16:creationId xmlns:a16="http://schemas.microsoft.com/office/drawing/2014/main" xmlns="" id="{00000000-0008-0000-0000-000092160000}"/>
            </a:ext>
          </a:extLst>
        </xdr:cNvPr>
        <xdr:cNvCxnSpPr>
          <a:cxnSpLocks noChangeShapeType="1"/>
        </xdr:cNvCxnSpPr>
      </xdr:nvCxnSpPr>
      <xdr:spPr bwMode="auto">
        <a:xfrm>
          <a:off x="0" y="60931425"/>
          <a:ext cx="1962150" cy="38100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303</xdr:row>
      <xdr:rowOff>19050</xdr:rowOff>
    </xdr:from>
    <xdr:to>
      <xdr:col>2</xdr:col>
      <xdr:colOff>238125</xdr:colOff>
      <xdr:row>305</xdr:row>
      <xdr:rowOff>9525</xdr:rowOff>
    </xdr:to>
    <xdr:cxnSp macro="">
      <xdr:nvCxnSpPr>
        <xdr:cNvPr id="5779" name="直線コネクタ 45">
          <a:extLst>
            <a:ext uri="{FF2B5EF4-FFF2-40B4-BE49-F238E27FC236}">
              <a16:creationId xmlns:a16="http://schemas.microsoft.com/office/drawing/2014/main" xmlns="" id="{00000000-0008-0000-0000-000093160000}"/>
            </a:ext>
          </a:extLst>
        </xdr:cNvPr>
        <xdr:cNvCxnSpPr>
          <a:cxnSpLocks noChangeShapeType="1"/>
        </xdr:cNvCxnSpPr>
      </xdr:nvCxnSpPr>
      <xdr:spPr bwMode="auto">
        <a:xfrm>
          <a:off x="0" y="65170050"/>
          <a:ext cx="657225" cy="33337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311</xdr:row>
      <xdr:rowOff>9525</xdr:rowOff>
    </xdr:from>
    <xdr:to>
      <xdr:col>15</xdr:col>
      <xdr:colOff>0</xdr:colOff>
      <xdr:row>313</xdr:row>
      <xdr:rowOff>9525</xdr:rowOff>
    </xdr:to>
    <xdr:cxnSp macro="">
      <xdr:nvCxnSpPr>
        <xdr:cNvPr id="5780" name="直線コネクタ 47">
          <a:extLst>
            <a:ext uri="{FF2B5EF4-FFF2-40B4-BE49-F238E27FC236}">
              <a16:creationId xmlns:a16="http://schemas.microsoft.com/office/drawing/2014/main" xmlns="" id="{00000000-0008-0000-0000-000094160000}"/>
            </a:ext>
          </a:extLst>
        </xdr:cNvPr>
        <xdr:cNvCxnSpPr>
          <a:cxnSpLocks noChangeShapeType="1"/>
        </xdr:cNvCxnSpPr>
      </xdr:nvCxnSpPr>
      <xdr:spPr bwMode="auto">
        <a:xfrm>
          <a:off x="0" y="66827400"/>
          <a:ext cx="3209925" cy="40005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337</xdr:row>
      <xdr:rowOff>0</xdr:rowOff>
    </xdr:from>
    <xdr:to>
      <xdr:col>15</xdr:col>
      <xdr:colOff>9525</xdr:colOff>
      <xdr:row>338</xdr:row>
      <xdr:rowOff>161925</xdr:rowOff>
    </xdr:to>
    <xdr:cxnSp macro="">
      <xdr:nvCxnSpPr>
        <xdr:cNvPr id="5782" name="直線コネクタ 51">
          <a:extLst>
            <a:ext uri="{FF2B5EF4-FFF2-40B4-BE49-F238E27FC236}">
              <a16:creationId xmlns:a16="http://schemas.microsoft.com/office/drawing/2014/main" xmlns="" id="{00000000-0008-0000-0000-000096160000}"/>
            </a:ext>
          </a:extLst>
        </xdr:cNvPr>
        <xdr:cNvCxnSpPr>
          <a:cxnSpLocks noChangeShapeType="1"/>
        </xdr:cNvCxnSpPr>
      </xdr:nvCxnSpPr>
      <xdr:spPr bwMode="auto">
        <a:xfrm>
          <a:off x="0" y="77028675"/>
          <a:ext cx="3219450" cy="33337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363</xdr:row>
      <xdr:rowOff>0</xdr:rowOff>
    </xdr:from>
    <xdr:to>
      <xdr:col>21</xdr:col>
      <xdr:colOff>9525</xdr:colOff>
      <xdr:row>364</xdr:row>
      <xdr:rowOff>161925</xdr:rowOff>
    </xdr:to>
    <xdr:cxnSp macro="">
      <xdr:nvCxnSpPr>
        <xdr:cNvPr id="5783" name="直線コネクタ 53">
          <a:extLst>
            <a:ext uri="{FF2B5EF4-FFF2-40B4-BE49-F238E27FC236}">
              <a16:creationId xmlns:a16="http://schemas.microsoft.com/office/drawing/2014/main" xmlns="" id="{00000000-0008-0000-0000-000097160000}"/>
            </a:ext>
          </a:extLst>
        </xdr:cNvPr>
        <xdr:cNvCxnSpPr>
          <a:cxnSpLocks noChangeShapeType="1"/>
        </xdr:cNvCxnSpPr>
      </xdr:nvCxnSpPr>
      <xdr:spPr bwMode="auto">
        <a:xfrm>
          <a:off x="0" y="82962750"/>
          <a:ext cx="4476750" cy="333375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156</xdr:row>
      <xdr:rowOff>200025</xdr:rowOff>
    </xdr:from>
    <xdr:to>
      <xdr:col>2</xdr:col>
      <xdr:colOff>219075</xdr:colOff>
      <xdr:row>159</xdr:row>
      <xdr:rowOff>228600</xdr:rowOff>
    </xdr:to>
    <xdr:sp macro="" textlink="">
      <xdr:nvSpPr>
        <xdr:cNvPr id="5784" name="Line 1">
          <a:extLst>
            <a:ext uri="{FF2B5EF4-FFF2-40B4-BE49-F238E27FC236}">
              <a16:creationId xmlns:a16="http://schemas.microsoft.com/office/drawing/2014/main" xmlns="" id="{00000000-0008-0000-0000-000098160000}"/>
            </a:ext>
          </a:extLst>
        </xdr:cNvPr>
        <xdr:cNvSpPr>
          <a:spLocks noChangeShapeType="1"/>
        </xdr:cNvSpPr>
      </xdr:nvSpPr>
      <xdr:spPr bwMode="auto">
        <a:xfrm>
          <a:off x="0" y="34651950"/>
          <a:ext cx="638175" cy="723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BA383"/>
  <sheetViews>
    <sheetView showGridLines="0" tabSelected="1" view="pageBreakPreview" zoomScaleNormal="100" zoomScaleSheetLayoutView="100" workbookViewId="0">
      <selection activeCell="AI3" sqref="AI3"/>
    </sheetView>
  </sheetViews>
  <sheetFormatPr defaultRowHeight="17.25" customHeight="1"/>
  <cols>
    <col min="1" max="1" width="2.875" style="26" customWidth="1"/>
    <col min="2" max="2" width="2.625" style="26" customWidth="1"/>
    <col min="3" max="3" width="3.125" style="26" customWidth="1"/>
    <col min="4" max="4" width="4.25" style="26" customWidth="1"/>
    <col min="5" max="14" width="2.625" style="26" customWidth="1"/>
    <col min="15" max="15" width="3" style="26" customWidth="1"/>
    <col min="16" max="16" width="3.375" style="26" customWidth="1"/>
    <col min="17" max="34" width="2.625" style="26" customWidth="1"/>
    <col min="35" max="16384" width="9" style="26"/>
  </cols>
  <sheetData>
    <row r="1" spans="1:34" s="5" customFormat="1" ht="20.100000000000001" customHeight="1">
      <c r="A1" s="188" t="s">
        <v>3</v>
      </c>
      <c r="B1" s="188"/>
      <c r="C1" s="188"/>
      <c r="D1" s="188"/>
      <c r="E1" s="188"/>
      <c r="F1" s="188"/>
      <c r="G1" s="188"/>
      <c r="H1" s="188"/>
      <c r="I1" s="188"/>
      <c r="J1" s="188"/>
      <c r="K1" s="188"/>
      <c r="L1" s="188"/>
      <c r="M1" s="188"/>
      <c r="N1" s="188"/>
      <c r="O1" s="188"/>
      <c r="P1" s="188"/>
      <c r="Q1" s="188"/>
      <c r="R1" s="188"/>
      <c r="S1" s="188"/>
      <c r="T1" s="188"/>
      <c r="U1" s="188"/>
      <c r="V1" s="188"/>
      <c r="W1" s="188"/>
      <c r="X1" s="188"/>
      <c r="Y1" s="188"/>
      <c r="Z1" s="188"/>
      <c r="AA1" s="188"/>
      <c r="AB1" s="188"/>
      <c r="AC1" s="188"/>
      <c r="AD1" s="188"/>
      <c r="AE1" s="188"/>
      <c r="AF1" s="188"/>
      <c r="AG1" s="188"/>
      <c r="AH1" s="17"/>
    </row>
    <row r="2" spans="1:34" s="5" customFormat="1" ht="9" customHeight="1">
      <c r="A2" s="22"/>
      <c r="B2" s="22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  <c r="O2" s="22"/>
      <c r="P2" s="22"/>
      <c r="Q2" s="22"/>
      <c r="R2" s="22"/>
      <c r="S2" s="22"/>
      <c r="T2" s="22"/>
      <c r="U2" s="22"/>
      <c r="V2" s="22"/>
      <c r="W2" s="22"/>
      <c r="X2" s="22"/>
      <c r="Y2" s="22"/>
      <c r="Z2" s="22"/>
      <c r="AA2" s="22"/>
      <c r="AB2" s="22"/>
      <c r="AC2" s="22"/>
      <c r="AD2" s="22"/>
      <c r="AE2" s="22"/>
      <c r="AF2" s="22"/>
      <c r="AG2" s="22"/>
      <c r="AH2" s="17"/>
    </row>
    <row r="3" spans="1:34" s="5" customFormat="1" ht="18" customHeight="1">
      <c r="A3" s="18" t="s">
        <v>4</v>
      </c>
      <c r="B3" s="27"/>
      <c r="C3" s="27"/>
      <c r="D3" s="27"/>
      <c r="E3" s="27"/>
      <c r="F3" s="27"/>
      <c r="G3" s="27"/>
      <c r="H3" s="27"/>
      <c r="I3" s="27"/>
      <c r="J3" s="27"/>
      <c r="K3" s="27"/>
      <c r="L3" s="27"/>
      <c r="M3" s="27"/>
      <c r="N3" s="27"/>
      <c r="O3" s="27"/>
      <c r="P3" s="27"/>
      <c r="Q3" s="27"/>
      <c r="R3" s="27"/>
      <c r="S3" s="27"/>
      <c r="T3" s="27"/>
      <c r="U3" s="27"/>
      <c r="V3" s="27"/>
      <c r="W3" s="27"/>
      <c r="X3" s="27"/>
      <c r="Y3" s="27"/>
      <c r="Z3" s="27"/>
      <c r="AA3" s="27"/>
      <c r="AB3" s="27"/>
      <c r="AC3" s="27"/>
      <c r="AD3" s="27"/>
      <c r="AE3" s="27"/>
      <c r="AF3" s="27"/>
    </row>
    <row r="4" spans="1:34" s="1" customFormat="1" ht="19.5" customHeight="1">
      <c r="A4" s="16" t="s">
        <v>5</v>
      </c>
      <c r="B4" s="28"/>
      <c r="C4" s="28"/>
      <c r="D4" s="28"/>
      <c r="E4" s="28"/>
      <c r="F4" s="28"/>
      <c r="G4" s="28"/>
      <c r="H4" s="28"/>
      <c r="I4" s="28"/>
      <c r="J4" s="28"/>
      <c r="K4" s="28"/>
      <c r="L4" s="28"/>
      <c r="M4" s="28"/>
      <c r="N4" s="28"/>
      <c r="O4" s="28"/>
      <c r="P4" s="28"/>
      <c r="Q4" s="28"/>
      <c r="R4" s="28"/>
      <c r="S4" s="28"/>
      <c r="T4" s="28"/>
      <c r="U4" s="28"/>
      <c r="V4" s="28"/>
      <c r="W4" s="28"/>
      <c r="X4" s="28"/>
      <c r="Y4" s="28"/>
      <c r="Z4" s="28"/>
      <c r="AA4" s="29"/>
      <c r="AB4" s="29"/>
      <c r="AC4" s="29"/>
      <c r="AE4" s="2"/>
      <c r="AF4" s="2"/>
      <c r="AG4" s="4" t="s">
        <v>6</v>
      </c>
    </row>
    <row r="5" spans="1:34" s="1" customFormat="1" ht="15.75" customHeight="1">
      <c r="A5" s="189" t="s">
        <v>31</v>
      </c>
      <c r="B5" s="190"/>
      <c r="C5" s="190"/>
      <c r="D5" s="190"/>
      <c r="E5" s="190"/>
      <c r="F5" s="190"/>
      <c r="G5" s="190"/>
      <c r="H5" s="190"/>
      <c r="I5" s="191"/>
      <c r="J5" s="192">
        <v>4</v>
      </c>
      <c r="K5" s="193"/>
      <c r="L5" s="193"/>
      <c r="M5" s="193"/>
      <c r="N5" s="193"/>
      <c r="O5" s="193"/>
      <c r="P5" s="193"/>
      <c r="Q5" s="194"/>
      <c r="R5" s="192">
        <v>5</v>
      </c>
      <c r="S5" s="193"/>
      <c r="T5" s="193"/>
      <c r="U5" s="193"/>
      <c r="V5" s="193"/>
      <c r="W5" s="193"/>
      <c r="X5" s="193"/>
      <c r="Y5" s="193"/>
      <c r="Z5" s="277">
        <v>6</v>
      </c>
      <c r="AA5" s="198"/>
      <c r="AB5" s="198"/>
      <c r="AC5" s="198"/>
      <c r="AD5" s="198"/>
      <c r="AE5" s="198"/>
      <c r="AF5" s="198"/>
      <c r="AG5" s="199"/>
    </row>
    <row r="6" spans="1:34" s="1" customFormat="1" ht="15.75" customHeight="1">
      <c r="A6" s="138" t="s">
        <v>32</v>
      </c>
      <c r="B6" s="139"/>
      <c r="C6" s="139"/>
      <c r="D6" s="139"/>
      <c r="E6" s="139"/>
      <c r="F6" s="139"/>
      <c r="G6" s="139"/>
      <c r="H6" s="139"/>
      <c r="I6" s="140"/>
      <c r="J6" s="195"/>
      <c r="K6" s="196"/>
      <c r="L6" s="196"/>
      <c r="M6" s="196"/>
      <c r="N6" s="196"/>
      <c r="O6" s="196"/>
      <c r="P6" s="196"/>
      <c r="Q6" s="197"/>
      <c r="R6" s="195"/>
      <c r="S6" s="196"/>
      <c r="T6" s="196"/>
      <c r="U6" s="196"/>
      <c r="V6" s="196"/>
      <c r="W6" s="196"/>
      <c r="X6" s="196"/>
      <c r="Y6" s="196"/>
      <c r="Z6" s="278"/>
      <c r="AA6" s="200"/>
      <c r="AB6" s="200"/>
      <c r="AC6" s="200"/>
      <c r="AD6" s="200"/>
      <c r="AE6" s="200"/>
      <c r="AF6" s="200"/>
      <c r="AG6" s="201"/>
    </row>
    <row r="7" spans="1:34" s="28" customFormat="1" ht="15.2" customHeight="1">
      <c r="A7" s="584" t="s">
        <v>33</v>
      </c>
      <c r="B7" s="585"/>
      <c r="C7" s="585"/>
      <c r="D7" s="585"/>
      <c r="E7" s="585"/>
      <c r="F7" s="585"/>
      <c r="G7" s="585"/>
      <c r="H7" s="585"/>
      <c r="I7" s="586"/>
      <c r="J7" s="587">
        <v>6150041</v>
      </c>
      <c r="K7" s="588"/>
      <c r="L7" s="588"/>
      <c r="M7" s="588"/>
      <c r="N7" s="588"/>
      <c r="O7" s="588"/>
      <c r="P7" s="588"/>
      <c r="Q7" s="588"/>
      <c r="R7" s="589">
        <v>6117112</v>
      </c>
      <c r="S7" s="589"/>
      <c r="T7" s="589"/>
      <c r="U7" s="589"/>
      <c r="V7" s="589"/>
      <c r="W7" s="589"/>
      <c r="X7" s="589"/>
      <c r="Y7" s="589"/>
      <c r="Z7" s="582">
        <v>5798268</v>
      </c>
      <c r="AA7" s="582"/>
      <c r="AB7" s="582"/>
      <c r="AC7" s="582"/>
      <c r="AD7" s="582"/>
      <c r="AE7" s="582"/>
      <c r="AF7" s="582"/>
      <c r="AG7" s="583"/>
      <c r="AH7" s="77"/>
    </row>
    <row r="8" spans="1:34" s="1" customFormat="1" ht="15.2" customHeight="1">
      <c r="A8" s="571" t="s">
        <v>34</v>
      </c>
      <c r="B8" s="572"/>
      <c r="C8" s="572"/>
      <c r="D8" s="572"/>
      <c r="E8" s="572"/>
      <c r="F8" s="572"/>
      <c r="G8" s="572"/>
      <c r="H8" s="572"/>
      <c r="I8" s="573"/>
      <c r="J8" s="574">
        <v>1189102</v>
      </c>
      <c r="K8" s="202"/>
      <c r="L8" s="202"/>
      <c r="M8" s="202"/>
      <c r="N8" s="202"/>
      <c r="O8" s="202"/>
      <c r="P8" s="202"/>
      <c r="Q8" s="202"/>
      <c r="R8" s="569">
        <v>1169755</v>
      </c>
      <c r="S8" s="569"/>
      <c r="T8" s="569"/>
      <c r="U8" s="569"/>
      <c r="V8" s="569"/>
      <c r="W8" s="569"/>
      <c r="X8" s="569"/>
      <c r="Y8" s="569"/>
      <c r="Z8" s="548">
        <v>1116109</v>
      </c>
      <c r="AA8" s="548"/>
      <c r="AB8" s="548"/>
      <c r="AC8" s="548"/>
      <c r="AD8" s="548"/>
      <c r="AE8" s="548"/>
      <c r="AF8" s="548"/>
      <c r="AG8" s="549"/>
    </row>
    <row r="9" spans="1:34" s="1" customFormat="1" ht="15.2" customHeight="1">
      <c r="A9" s="571" t="s">
        <v>35</v>
      </c>
      <c r="B9" s="572"/>
      <c r="C9" s="572"/>
      <c r="D9" s="572"/>
      <c r="E9" s="572"/>
      <c r="F9" s="572"/>
      <c r="G9" s="572"/>
      <c r="H9" s="572"/>
      <c r="I9" s="573"/>
      <c r="J9" s="574" t="s">
        <v>162</v>
      </c>
      <c r="K9" s="202"/>
      <c r="L9" s="202"/>
      <c r="M9" s="202"/>
      <c r="N9" s="202"/>
      <c r="O9" s="202"/>
      <c r="P9" s="202"/>
      <c r="Q9" s="202"/>
      <c r="R9" s="569" t="s">
        <v>162</v>
      </c>
      <c r="S9" s="569"/>
      <c r="T9" s="569"/>
      <c r="U9" s="569"/>
      <c r="V9" s="569"/>
      <c r="W9" s="569"/>
      <c r="X9" s="569"/>
      <c r="Y9" s="569"/>
      <c r="Z9" s="548" t="s">
        <v>162</v>
      </c>
      <c r="AA9" s="548"/>
      <c r="AB9" s="548"/>
      <c r="AC9" s="548"/>
      <c r="AD9" s="548"/>
      <c r="AE9" s="548"/>
      <c r="AF9" s="548"/>
      <c r="AG9" s="549"/>
    </row>
    <row r="10" spans="1:34" s="1" customFormat="1" ht="15.2" customHeight="1">
      <c r="A10" s="571" t="s">
        <v>36</v>
      </c>
      <c r="B10" s="572"/>
      <c r="C10" s="572"/>
      <c r="D10" s="572"/>
      <c r="E10" s="572"/>
      <c r="F10" s="572"/>
      <c r="G10" s="572"/>
      <c r="H10" s="572"/>
      <c r="I10" s="573"/>
      <c r="J10" s="574">
        <v>1192</v>
      </c>
      <c r="K10" s="202"/>
      <c r="L10" s="202"/>
      <c r="M10" s="202"/>
      <c r="N10" s="202"/>
      <c r="O10" s="202"/>
      <c r="P10" s="202"/>
      <c r="Q10" s="202"/>
      <c r="R10" s="569">
        <v>1167</v>
      </c>
      <c r="S10" s="569"/>
      <c r="T10" s="569"/>
      <c r="U10" s="569"/>
      <c r="V10" s="569"/>
      <c r="W10" s="569"/>
      <c r="X10" s="569"/>
      <c r="Y10" s="569"/>
      <c r="Z10" s="548">
        <v>1122</v>
      </c>
      <c r="AA10" s="548"/>
      <c r="AB10" s="548"/>
      <c r="AC10" s="548"/>
      <c r="AD10" s="548"/>
      <c r="AE10" s="548"/>
      <c r="AF10" s="548"/>
      <c r="AG10" s="549"/>
    </row>
    <row r="11" spans="1:34" s="1" customFormat="1" ht="15.2" customHeight="1">
      <c r="A11" s="571" t="s">
        <v>38</v>
      </c>
      <c r="B11" s="572"/>
      <c r="C11" s="572"/>
      <c r="D11" s="572"/>
      <c r="E11" s="572"/>
      <c r="F11" s="572"/>
      <c r="G11" s="572"/>
      <c r="H11" s="572"/>
      <c r="I11" s="573"/>
      <c r="J11" s="574">
        <v>4314291</v>
      </c>
      <c r="K11" s="202"/>
      <c r="L11" s="202"/>
      <c r="M11" s="202"/>
      <c r="N11" s="202"/>
      <c r="O11" s="202"/>
      <c r="P11" s="202"/>
      <c r="Q11" s="202"/>
      <c r="R11" s="569">
        <v>4327150</v>
      </c>
      <c r="S11" s="569"/>
      <c r="T11" s="569"/>
      <c r="U11" s="569"/>
      <c r="V11" s="569"/>
      <c r="W11" s="569"/>
      <c r="X11" s="569"/>
      <c r="Y11" s="569"/>
      <c r="Z11" s="548">
        <v>4053405</v>
      </c>
      <c r="AA11" s="548"/>
      <c r="AB11" s="548"/>
      <c r="AC11" s="548"/>
      <c r="AD11" s="548"/>
      <c r="AE11" s="548"/>
      <c r="AF11" s="548"/>
      <c r="AG11" s="549"/>
    </row>
    <row r="12" spans="1:34" s="1" customFormat="1" ht="15.2" customHeight="1">
      <c r="A12" s="571" t="s">
        <v>39</v>
      </c>
      <c r="B12" s="572"/>
      <c r="C12" s="572"/>
      <c r="D12" s="572"/>
      <c r="E12" s="572"/>
      <c r="F12" s="572"/>
      <c r="G12" s="572"/>
      <c r="H12" s="572"/>
      <c r="I12" s="573"/>
      <c r="J12" s="574">
        <v>7</v>
      </c>
      <c r="K12" s="202"/>
      <c r="L12" s="202"/>
      <c r="M12" s="202"/>
      <c r="N12" s="202"/>
      <c r="O12" s="202"/>
      <c r="P12" s="202"/>
      <c r="Q12" s="202"/>
      <c r="R12" s="569">
        <v>5</v>
      </c>
      <c r="S12" s="569"/>
      <c r="T12" s="569"/>
      <c r="U12" s="569"/>
      <c r="V12" s="569"/>
      <c r="W12" s="569"/>
      <c r="X12" s="569"/>
      <c r="Y12" s="569"/>
      <c r="Z12" s="548">
        <v>63</v>
      </c>
      <c r="AA12" s="548"/>
      <c r="AB12" s="548"/>
      <c r="AC12" s="548"/>
      <c r="AD12" s="548"/>
      <c r="AE12" s="548"/>
      <c r="AF12" s="548"/>
      <c r="AG12" s="549"/>
    </row>
    <row r="13" spans="1:34" s="1" customFormat="1" ht="15.2" customHeight="1">
      <c r="A13" s="571" t="s">
        <v>41</v>
      </c>
      <c r="B13" s="572"/>
      <c r="C13" s="572"/>
      <c r="D13" s="572"/>
      <c r="E13" s="572"/>
      <c r="F13" s="572"/>
      <c r="G13" s="572"/>
      <c r="H13" s="572"/>
      <c r="I13" s="573"/>
      <c r="J13" s="574">
        <v>518912</v>
      </c>
      <c r="K13" s="202"/>
      <c r="L13" s="202"/>
      <c r="M13" s="202"/>
      <c r="N13" s="202"/>
      <c r="O13" s="202"/>
      <c r="P13" s="202"/>
      <c r="Q13" s="202"/>
      <c r="R13" s="569">
        <v>498413</v>
      </c>
      <c r="S13" s="569"/>
      <c r="T13" s="569"/>
      <c r="U13" s="569"/>
      <c r="V13" s="569"/>
      <c r="W13" s="569"/>
      <c r="X13" s="569"/>
      <c r="Y13" s="569"/>
      <c r="Z13" s="548">
        <v>472415</v>
      </c>
      <c r="AA13" s="548"/>
      <c r="AB13" s="548"/>
      <c r="AC13" s="548"/>
      <c r="AD13" s="548"/>
      <c r="AE13" s="548"/>
      <c r="AF13" s="548"/>
      <c r="AG13" s="549"/>
    </row>
    <row r="14" spans="1:34" s="1" customFormat="1" ht="15.2" customHeight="1">
      <c r="A14" s="571" t="s">
        <v>42</v>
      </c>
      <c r="B14" s="572"/>
      <c r="C14" s="572"/>
      <c r="D14" s="572"/>
      <c r="E14" s="572"/>
      <c r="F14" s="572"/>
      <c r="G14" s="572"/>
      <c r="H14" s="572"/>
      <c r="I14" s="573"/>
      <c r="J14" s="574">
        <v>95201</v>
      </c>
      <c r="K14" s="202"/>
      <c r="L14" s="202"/>
      <c r="M14" s="202"/>
      <c r="N14" s="202"/>
      <c r="O14" s="202"/>
      <c r="P14" s="202"/>
      <c r="Q14" s="202"/>
      <c r="R14" s="569">
        <v>99047</v>
      </c>
      <c r="S14" s="569"/>
      <c r="T14" s="569"/>
      <c r="U14" s="569"/>
      <c r="V14" s="569"/>
      <c r="W14" s="569"/>
      <c r="X14" s="569"/>
      <c r="Y14" s="569"/>
      <c r="Z14" s="548">
        <v>127937</v>
      </c>
      <c r="AA14" s="548"/>
      <c r="AB14" s="548"/>
      <c r="AC14" s="548"/>
      <c r="AD14" s="548"/>
      <c r="AE14" s="548"/>
      <c r="AF14" s="548"/>
      <c r="AG14" s="549"/>
    </row>
    <row r="15" spans="1:34" s="1" customFormat="1" ht="15.2" customHeight="1">
      <c r="A15" s="571" t="s">
        <v>40</v>
      </c>
      <c r="B15" s="572"/>
      <c r="C15" s="572"/>
      <c r="D15" s="572"/>
      <c r="E15" s="572"/>
      <c r="F15" s="572"/>
      <c r="G15" s="572"/>
      <c r="H15" s="572"/>
      <c r="I15" s="573"/>
      <c r="J15" s="574">
        <v>31220</v>
      </c>
      <c r="K15" s="202"/>
      <c r="L15" s="202"/>
      <c r="M15" s="202"/>
      <c r="N15" s="202"/>
      <c r="O15" s="202"/>
      <c r="P15" s="202"/>
      <c r="Q15" s="202"/>
      <c r="R15" s="569">
        <v>21304</v>
      </c>
      <c r="S15" s="569"/>
      <c r="T15" s="569"/>
      <c r="U15" s="569"/>
      <c r="V15" s="569"/>
      <c r="W15" s="569"/>
      <c r="X15" s="569"/>
      <c r="Y15" s="569"/>
      <c r="Z15" s="548">
        <v>21595</v>
      </c>
      <c r="AA15" s="548"/>
      <c r="AB15" s="548"/>
      <c r="AC15" s="548"/>
      <c r="AD15" s="548"/>
      <c r="AE15" s="548"/>
      <c r="AF15" s="548"/>
      <c r="AG15" s="549"/>
    </row>
    <row r="16" spans="1:34" s="1" customFormat="1" ht="15.2" customHeight="1">
      <c r="A16" s="571" t="s">
        <v>37</v>
      </c>
      <c r="B16" s="572"/>
      <c r="C16" s="572"/>
      <c r="D16" s="572"/>
      <c r="E16" s="572"/>
      <c r="F16" s="572"/>
      <c r="G16" s="572"/>
      <c r="H16" s="572"/>
      <c r="I16" s="573"/>
      <c r="J16" s="574">
        <v>116</v>
      </c>
      <c r="K16" s="202"/>
      <c r="L16" s="202"/>
      <c r="M16" s="202"/>
      <c r="N16" s="202"/>
      <c r="O16" s="202"/>
      <c r="P16" s="202"/>
      <c r="Q16" s="202"/>
      <c r="R16" s="569">
        <v>271</v>
      </c>
      <c r="S16" s="569"/>
      <c r="T16" s="569"/>
      <c r="U16" s="569"/>
      <c r="V16" s="569"/>
      <c r="W16" s="569"/>
      <c r="X16" s="569"/>
      <c r="Y16" s="569"/>
      <c r="Z16" s="548">
        <v>5622</v>
      </c>
      <c r="AA16" s="548"/>
      <c r="AB16" s="548"/>
      <c r="AC16" s="548"/>
      <c r="AD16" s="548"/>
      <c r="AE16" s="548"/>
      <c r="AF16" s="548"/>
      <c r="AG16" s="549"/>
    </row>
    <row r="17" spans="1:33" s="28" customFormat="1" ht="15.2" customHeight="1">
      <c r="A17" s="558" t="s">
        <v>43</v>
      </c>
      <c r="B17" s="559"/>
      <c r="C17" s="559"/>
      <c r="D17" s="559"/>
      <c r="E17" s="559"/>
      <c r="F17" s="559"/>
      <c r="G17" s="559"/>
      <c r="H17" s="559"/>
      <c r="I17" s="560"/>
      <c r="J17" s="593">
        <v>6050994</v>
      </c>
      <c r="K17" s="594"/>
      <c r="L17" s="594"/>
      <c r="M17" s="594"/>
      <c r="N17" s="594"/>
      <c r="O17" s="594"/>
      <c r="P17" s="594"/>
      <c r="Q17" s="594"/>
      <c r="R17" s="594">
        <v>5989176</v>
      </c>
      <c r="S17" s="594"/>
      <c r="T17" s="594"/>
      <c r="U17" s="594"/>
      <c r="V17" s="594"/>
      <c r="W17" s="594"/>
      <c r="X17" s="594"/>
      <c r="Y17" s="594"/>
      <c r="Z17" s="590">
        <v>5795559</v>
      </c>
      <c r="AA17" s="590"/>
      <c r="AB17" s="590"/>
      <c r="AC17" s="590"/>
      <c r="AD17" s="590"/>
      <c r="AE17" s="590"/>
      <c r="AF17" s="590"/>
      <c r="AG17" s="591"/>
    </row>
    <row r="18" spans="1:33" s="1" customFormat="1" ht="15.2" customHeight="1">
      <c r="A18" s="571" t="s">
        <v>44</v>
      </c>
      <c r="B18" s="572"/>
      <c r="C18" s="572"/>
      <c r="D18" s="572"/>
      <c r="E18" s="572"/>
      <c r="F18" s="572"/>
      <c r="G18" s="572"/>
      <c r="H18" s="572"/>
      <c r="I18" s="573"/>
      <c r="J18" s="574">
        <v>47134</v>
      </c>
      <c r="K18" s="202"/>
      <c r="L18" s="202"/>
      <c r="M18" s="202"/>
      <c r="N18" s="202"/>
      <c r="O18" s="202"/>
      <c r="P18" s="202"/>
      <c r="Q18" s="202"/>
      <c r="R18" s="569">
        <v>53905</v>
      </c>
      <c r="S18" s="569"/>
      <c r="T18" s="569"/>
      <c r="U18" s="569"/>
      <c r="V18" s="569"/>
      <c r="W18" s="569"/>
      <c r="X18" s="569"/>
      <c r="Y18" s="569"/>
      <c r="Z18" s="548">
        <v>60311</v>
      </c>
      <c r="AA18" s="548"/>
      <c r="AB18" s="548"/>
      <c r="AC18" s="548"/>
      <c r="AD18" s="548"/>
      <c r="AE18" s="548"/>
      <c r="AF18" s="548"/>
      <c r="AG18" s="549"/>
    </row>
    <row r="19" spans="1:33" s="1" customFormat="1" ht="15.2" customHeight="1">
      <c r="A19" s="571" t="s">
        <v>45</v>
      </c>
      <c r="B19" s="572"/>
      <c r="C19" s="572"/>
      <c r="D19" s="572"/>
      <c r="E19" s="572"/>
      <c r="F19" s="572"/>
      <c r="G19" s="572"/>
      <c r="H19" s="572"/>
      <c r="I19" s="573"/>
      <c r="J19" s="574">
        <v>4226775</v>
      </c>
      <c r="K19" s="202"/>
      <c r="L19" s="202"/>
      <c r="M19" s="202"/>
      <c r="N19" s="202"/>
      <c r="O19" s="202"/>
      <c r="P19" s="202"/>
      <c r="Q19" s="202"/>
      <c r="R19" s="569">
        <v>4267165</v>
      </c>
      <c r="S19" s="569"/>
      <c r="T19" s="569"/>
      <c r="U19" s="569"/>
      <c r="V19" s="569"/>
      <c r="W19" s="569"/>
      <c r="X19" s="569"/>
      <c r="Y19" s="569"/>
      <c r="Z19" s="548">
        <v>3986217</v>
      </c>
      <c r="AA19" s="548"/>
      <c r="AB19" s="548"/>
      <c r="AC19" s="548"/>
      <c r="AD19" s="548"/>
      <c r="AE19" s="548"/>
      <c r="AF19" s="548"/>
      <c r="AG19" s="549"/>
    </row>
    <row r="20" spans="1:33" s="1" customFormat="1" ht="25.5" customHeight="1">
      <c r="A20" s="577" t="s">
        <v>339</v>
      </c>
      <c r="B20" s="572"/>
      <c r="C20" s="572"/>
      <c r="D20" s="572"/>
      <c r="E20" s="572"/>
      <c r="F20" s="572"/>
      <c r="G20" s="572"/>
      <c r="H20" s="572"/>
      <c r="I20" s="573"/>
      <c r="J20" s="574">
        <v>1585468</v>
      </c>
      <c r="K20" s="202"/>
      <c r="L20" s="202"/>
      <c r="M20" s="202"/>
      <c r="N20" s="202"/>
      <c r="O20" s="202"/>
      <c r="P20" s="202"/>
      <c r="Q20" s="202"/>
      <c r="R20" s="569">
        <v>1525049</v>
      </c>
      <c r="S20" s="569"/>
      <c r="T20" s="569"/>
      <c r="U20" s="569"/>
      <c r="V20" s="569"/>
      <c r="W20" s="569"/>
      <c r="X20" s="569"/>
      <c r="Y20" s="569"/>
      <c r="Z20" s="548">
        <v>1602277</v>
      </c>
      <c r="AA20" s="548"/>
      <c r="AB20" s="548"/>
      <c r="AC20" s="548"/>
      <c r="AD20" s="548"/>
      <c r="AE20" s="548"/>
      <c r="AF20" s="548"/>
      <c r="AG20" s="549"/>
    </row>
    <row r="21" spans="1:33" s="1" customFormat="1" ht="15" customHeight="1">
      <c r="A21" s="571" t="s">
        <v>47</v>
      </c>
      <c r="B21" s="572"/>
      <c r="C21" s="572"/>
      <c r="D21" s="572"/>
      <c r="E21" s="572"/>
      <c r="F21" s="572"/>
      <c r="G21" s="572"/>
      <c r="H21" s="572"/>
      <c r="I21" s="573"/>
      <c r="J21" s="574">
        <v>0</v>
      </c>
      <c r="K21" s="592"/>
      <c r="L21" s="592"/>
      <c r="M21" s="592"/>
      <c r="N21" s="592"/>
      <c r="O21" s="592"/>
      <c r="P21" s="592"/>
      <c r="Q21" s="592"/>
      <c r="R21" s="569">
        <v>0</v>
      </c>
      <c r="S21" s="569"/>
      <c r="T21" s="569"/>
      <c r="U21" s="569"/>
      <c r="V21" s="569"/>
      <c r="W21" s="569"/>
      <c r="X21" s="569"/>
      <c r="Y21" s="569"/>
      <c r="Z21" s="548" t="s">
        <v>162</v>
      </c>
      <c r="AA21" s="548"/>
      <c r="AB21" s="548"/>
      <c r="AC21" s="548"/>
      <c r="AD21" s="548"/>
      <c r="AE21" s="548"/>
      <c r="AF21" s="548"/>
      <c r="AG21" s="549"/>
    </row>
    <row r="22" spans="1:33" s="1" customFormat="1" ht="15.2" customHeight="1">
      <c r="A22" s="571" t="s">
        <v>46</v>
      </c>
      <c r="B22" s="572"/>
      <c r="C22" s="572"/>
      <c r="D22" s="572"/>
      <c r="E22" s="572"/>
      <c r="F22" s="572"/>
      <c r="G22" s="572"/>
      <c r="H22" s="572"/>
      <c r="I22" s="573"/>
      <c r="J22" s="574">
        <v>82541</v>
      </c>
      <c r="K22" s="202"/>
      <c r="L22" s="202"/>
      <c r="M22" s="202"/>
      <c r="N22" s="202"/>
      <c r="O22" s="202"/>
      <c r="P22" s="202"/>
      <c r="Q22" s="202"/>
      <c r="R22" s="569">
        <v>73257</v>
      </c>
      <c r="S22" s="569"/>
      <c r="T22" s="569"/>
      <c r="U22" s="569"/>
      <c r="V22" s="569"/>
      <c r="W22" s="569"/>
      <c r="X22" s="569"/>
      <c r="Y22" s="569"/>
      <c r="Z22" s="548">
        <v>77326</v>
      </c>
      <c r="AA22" s="548"/>
      <c r="AB22" s="548"/>
      <c r="AC22" s="548"/>
      <c r="AD22" s="548"/>
      <c r="AE22" s="548"/>
      <c r="AF22" s="548"/>
      <c r="AG22" s="549"/>
    </row>
    <row r="23" spans="1:33" s="1" customFormat="1" ht="15.2" customHeight="1">
      <c r="A23" s="571" t="s">
        <v>49</v>
      </c>
      <c r="B23" s="572"/>
      <c r="C23" s="572"/>
      <c r="D23" s="572"/>
      <c r="E23" s="572"/>
      <c r="F23" s="572"/>
      <c r="G23" s="572"/>
      <c r="H23" s="572"/>
      <c r="I23" s="573"/>
      <c r="J23" s="574">
        <v>100007</v>
      </c>
      <c r="K23" s="202"/>
      <c r="L23" s="202"/>
      <c r="M23" s="202"/>
      <c r="N23" s="202"/>
      <c r="O23" s="202"/>
      <c r="P23" s="202"/>
      <c r="Q23" s="202"/>
      <c r="R23" s="569">
        <v>60828</v>
      </c>
      <c r="S23" s="569"/>
      <c r="T23" s="569"/>
      <c r="U23" s="569"/>
      <c r="V23" s="569"/>
      <c r="W23" s="569"/>
      <c r="X23" s="569"/>
      <c r="Y23" s="569"/>
      <c r="Z23" s="548">
        <v>64032</v>
      </c>
      <c r="AA23" s="548"/>
      <c r="AB23" s="548"/>
      <c r="AC23" s="548"/>
      <c r="AD23" s="548"/>
      <c r="AE23" s="548"/>
      <c r="AF23" s="548"/>
      <c r="AG23" s="549"/>
    </row>
    <row r="24" spans="1:33" s="1" customFormat="1" ht="15.2" customHeight="1">
      <c r="A24" s="571" t="s">
        <v>48</v>
      </c>
      <c r="B24" s="572"/>
      <c r="C24" s="572"/>
      <c r="D24" s="572"/>
      <c r="E24" s="572"/>
      <c r="F24" s="572"/>
      <c r="G24" s="572"/>
      <c r="H24" s="572"/>
      <c r="I24" s="573"/>
      <c r="J24" s="574" t="s">
        <v>162</v>
      </c>
      <c r="K24" s="202"/>
      <c r="L24" s="202"/>
      <c r="M24" s="202"/>
      <c r="N24" s="202"/>
      <c r="O24" s="202"/>
      <c r="P24" s="202"/>
      <c r="Q24" s="202"/>
      <c r="R24" s="569" t="s">
        <v>162</v>
      </c>
      <c r="S24" s="569"/>
      <c r="T24" s="569"/>
      <c r="U24" s="569"/>
      <c r="V24" s="569"/>
      <c r="W24" s="569"/>
      <c r="X24" s="569"/>
      <c r="Y24" s="569"/>
      <c r="Z24" s="548" t="s">
        <v>162</v>
      </c>
      <c r="AA24" s="548"/>
      <c r="AB24" s="548"/>
      <c r="AC24" s="548"/>
      <c r="AD24" s="548"/>
      <c r="AE24" s="548"/>
      <c r="AF24" s="548"/>
      <c r="AG24" s="549"/>
    </row>
    <row r="25" spans="1:33" s="1" customFormat="1" ht="15.2" customHeight="1">
      <c r="A25" s="571" t="s">
        <v>50</v>
      </c>
      <c r="B25" s="572"/>
      <c r="C25" s="572"/>
      <c r="D25" s="572"/>
      <c r="E25" s="572"/>
      <c r="F25" s="572"/>
      <c r="G25" s="572"/>
      <c r="H25" s="572"/>
      <c r="I25" s="573"/>
      <c r="J25" s="574">
        <v>9069</v>
      </c>
      <c r="K25" s="202"/>
      <c r="L25" s="202"/>
      <c r="M25" s="202"/>
      <c r="N25" s="202"/>
      <c r="O25" s="202"/>
      <c r="P25" s="202"/>
      <c r="Q25" s="202"/>
      <c r="R25" s="569">
        <v>8972</v>
      </c>
      <c r="S25" s="569"/>
      <c r="T25" s="569"/>
      <c r="U25" s="569"/>
      <c r="V25" s="569"/>
      <c r="W25" s="569"/>
      <c r="X25" s="569"/>
      <c r="Y25" s="569"/>
      <c r="Z25" s="548">
        <v>5396</v>
      </c>
      <c r="AA25" s="548"/>
      <c r="AB25" s="548"/>
      <c r="AC25" s="548"/>
      <c r="AD25" s="548"/>
      <c r="AE25" s="548"/>
      <c r="AF25" s="548"/>
      <c r="AG25" s="549"/>
    </row>
    <row r="26" spans="1:33" s="1" customFormat="1" ht="15.2" customHeight="1">
      <c r="A26" s="571" t="s">
        <v>51</v>
      </c>
      <c r="B26" s="572"/>
      <c r="C26" s="572"/>
      <c r="D26" s="572"/>
      <c r="E26" s="572"/>
      <c r="F26" s="572"/>
      <c r="G26" s="572"/>
      <c r="H26" s="572"/>
      <c r="I26" s="573"/>
      <c r="J26" s="574" t="s">
        <v>162</v>
      </c>
      <c r="K26" s="202"/>
      <c r="L26" s="202"/>
      <c r="M26" s="202"/>
      <c r="N26" s="202"/>
      <c r="O26" s="202"/>
      <c r="P26" s="202"/>
      <c r="Q26" s="202"/>
      <c r="R26" s="202" t="s">
        <v>162</v>
      </c>
      <c r="S26" s="202"/>
      <c r="T26" s="202"/>
      <c r="U26" s="202"/>
      <c r="V26" s="202"/>
      <c r="W26" s="202"/>
      <c r="X26" s="202"/>
      <c r="Y26" s="202"/>
      <c r="Z26" s="575" t="s">
        <v>162</v>
      </c>
      <c r="AA26" s="575"/>
      <c r="AB26" s="575"/>
      <c r="AC26" s="575"/>
      <c r="AD26" s="575"/>
      <c r="AE26" s="575"/>
      <c r="AF26" s="575"/>
      <c r="AG26" s="576"/>
    </row>
    <row r="27" spans="1:33" s="28" customFormat="1" ht="15.2" customHeight="1">
      <c r="A27" s="600" t="s">
        <v>52</v>
      </c>
      <c r="B27" s="601"/>
      <c r="C27" s="601"/>
      <c r="D27" s="601"/>
      <c r="E27" s="601"/>
      <c r="F27" s="601"/>
      <c r="G27" s="601"/>
      <c r="H27" s="601"/>
      <c r="I27" s="602"/>
      <c r="J27" s="581">
        <v>99047</v>
      </c>
      <c r="K27" s="544"/>
      <c r="L27" s="544"/>
      <c r="M27" s="544"/>
      <c r="N27" s="544"/>
      <c r="O27" s="544"/>
      <c r="P27" s="544"/>
      <c r="Q27" s="544"/>
      <c r="R27" s="544">
        <v>127936</v>
      </c>
      <c r="S27" s="544"/>
      <c r="T27" s="544"/>
      <c r="U27" s="544"/>
      <c r="V27" s="544"/>
      <c r="W27" s="544"/>
      <c r="X27" s="544"/>
      <c r="Y27" s="544"/>
      <c r="Z27" s="579">
        <v>2709</v>
      </c>
      <c r="AA27" s="579"/>
      <c r="AB27" s="579"/>
      <c r="AC27" s="579"/>
      <c r="AD27" s="579"/>
      <c r="AE27" s="579"/>
      <c r="AF27" s="579"/>
      <c r="AG27" s="580"/>
    </row>
    <row r="28" spans="1:33" s="1" customFormat="1" ht="15.75" customHeight="1">
      <c r="H28" s="2"/>
      <c r="I28" s="2"/>
      <c r="J28" s="30"/>
      <c r="K28" s="30"/>
      <c r="L28" s="30"/>
      <c r="M28" s="30"/>
      <c r="N28" s="30"/>
      <c r="O28" s="30"/>
      <c r="P28" s="30"/>
      <c r="Q28" s="30"/>
      <c r="R28" s="30"/>
      <c r="S28" s="30"/>
      <c r="T28" s="30"/>
      <c r="U28" s="30"/>
      <c r="V28" s="30"/>
      <c r="W28" s="30"/>
      <c r="X28" s="30"/>
      <c r="Y28" s="30"/>
      <c r="Z28" s="30"/>
      <c r="AA28" s="24"/>
      <c r="AB28" s="24"/>
      <c r="AC28" s="24"/>
      <c r="AD28" s="24"/>
      <c r="AE28" s="24"/>
      <c r="AF28" s="24"/>
      <c r="AG28" s="24" t="s">
        <v>7</v>
      </c>
    </row>
    <row r="29" spans="1:33" s="1" customFormat="1" ht="12" customHeight="1">
      <c r="H29" s="2"/>
      <c r="I29" s="2"/>
      <c r="J29" s="30"/>
      <c r="K29" s="30"/>
      <c r="L29" s="30"/>
      <c r="M29" s="30"/>
      <c r="N29" s="30"/>
      <c r="O29" s="30"/>
      <c r="P29" s="30"/>
      <c r="Q29" s="30"/>
      <c r="R29" s="30"/>
      <c r="S29" s="30"/>
      <c r="T29" s="30"/>
      <c r="U29" s="30"/>
      <c r="V29" s="30"/>
      <c r="W29" s="30"/>
      <c r="X29" s="30"/>
      <c r="Y29" s="30"/>
      <c r="Z29" s="30"/>
      <c r="AA29" s="24"/>
      <c r="AB29" s="24"/>
      <c r="AC29" s="24"/>
      <c r="AD29" s="24"/>
      <c r="AE29" s="24"/>
      <c r="AF29" s="24"/>
      <c r="AG29" s="24"/>
    </row>
    <row r="30" spans="1:33" s="1" customFormat="1" ht="18.75" customHeight="1">
      <c r="A30" s="16" t="s">
        <v>8</v>
      </c>
      <c r="J30" s="30"/>
      <c r="K30" s="30"/>
      <c r="L30" s="30"/>
      <c r="M30" s="30"/>
      <c r="N30" s="30"/>
      <c r="O30" s="30"/>
      <c r="P30" s="30"/>
      <c r="Q30" s="30"/>
      <c r="R30" s="30"/>
      <c r="S30" s="30"/>
      <c r="T30" s="30"/>
      <c r="U30" s="30"/>
      <c r="V30" s="30"/>
      <c r="W30" s="30"/>
      <c r="X30" s="30"/>
      <c r="Y30" s="30"/>
      <c r="Z30" s="30"/>
      <c r="AA30" s="30"/>
      <c r="AB30" s="30"/>
      <c r="AC30" s="30"/>
      <c r="AD30" s="31"/>
      <c r="AE30" s="31"/>
      <c r="AF30" s="31"/>
      <c r="AG30" s="32" t="s">
        <v>9</v>
      </c>
    </row>
    <row r="31" spans="1:33" s="1" customFormat="1" ht="15.75" customHeight="1">
      <c r="A31" s="189" t="s">
        <v>31</v>
      </c>
      <c r="B31" s="190"/>
      <c r="C31" s="190"/>
      <c r="D31" s="190"/>
      <c r="E31" s="190"/>
      <c r="F31" s="190"/>
      <c r="G31" s="190"/>
      <c r="H31" s="190"/>
      <c r="I31" s="191"/>
      <c r="J31" s="192">
        <v>4</v>
      </c>
      <c r="K31" s="193"/>
      <c r="L31" s="193"/>
      <c r="M31" s="193"/>
      <c r="N31" s="193"/>
      <c r="O31" s="193"/>
      <c r="P31" s="193"/>
      <c r="Q31" s="194"/>
      <c r="R31" s="192">
        <v>5</v>
      </c>
      <c r="S31" s="193"/>
      <c r="T31" s="193"/>
      <c r="U31" s="193"/>
      <c r="V31" s="193"/>
      <c r="W31" s="193"/>
      <c r="X31" s="193"/>
      <c r="Y31" s="194"/>
      <c r="Z31" s="277">
        <v>6</v>
      </c>
      <c r="AA31" s="198"/>
      <c r="AB31" s="198"/>
      <c r="AC31" s="198"/>
      <c r="AD31" s="198"/>
      <c r="AE31" s="198"/>
      <c r="AF31" s="198"/>
      <c r="AG31" s="199"/>
    </row>
    <row r="32" spans="1:33" s="1" customFormat="1" ht="15.75" customHeight="1">
      <c r="A32" s="138" t="s">
        <v>53</v>
      </c>
      <c r="B32" s="139"/>
      <c r="C32" s="139"/>
      <c r="D32" s="139"/>
      <c r="E32" s="139"/>
      <c r="F32" s="139"/>
      <c r="G32" s="139"/>
      <c r="H32" s="139"/>
      <c r="I32" s="140"/>
      <c r="J32" s="195"/>
      <c r="K32" s="196"/>
      <c r="L32" s="196"/>
      <c r="M32" s="196"/>
      <c r="N32" s="196"/>
      <c r="O32" s="196"/>
      <c r="P32" s="196"/>
      <c r="Q32" s="197"/>
      <c r="R32" s="195"/>
      <c r="S32" s="196"/>
      <c r="T32" s="196"/>
      <c r="U32" s="196"/>
      <c r="V32" s="196"/>
      <c r="W32" s="196"/>
      <c r="X32" s="196"/>
      <c r="Y32" s="197"/>
      <c r="Z32" s="278"/>
      <c r="AA32" s="200"/>
      <c r="AB32" s="200"/>
      <c r="AC32" s="200"/>
      <c r="AD32" s="200"/>
      <c r="AE32" s="200"/>
      <c r="AF32" s="200"/>
      <c r="AG32" s="201"/>
    </row>
    <row r="33" spans="1:33" s="28" customFormat="1" ht="15.2" customHeight="1">
      <c r="A33" s="245" t="s">
        <v>208</v>
      </c>
      <c r="B33" s="112"/>
      <c r="C33" s="112"/>
      <c r="D33" s="112"/>
      <c r="E33" s="112"/>
      <c r="F33" s="112"/>
      <c r="G33" s="112"/>
      <c r="H33" s="112"/>
      <c r="I33" s="142"/>
      <c r="J33" s="578">
        <v>7428</v>
      </c>
      <c r="K33" s="578"/>
      <c r="L33" s="578"/>
      <c r="M33" s="578"/>
      <c r="N33" s="578"/>
      <c r="O33" s="578"/>
      <c r="P33" s="578"/>
      <c r="Q33" s="578"/>
      <c r="R33" s="570">
        <v>7189</v>
      </c>
      <c r="S33" s="570"/>
      <c r="T33" s="570"/>
      <c r="U33" s="570"/>
      <c r="V33" s="570"/>
      <c r="W33" s="570"/>
      <c r="X33" s="570"/>
      <c r="Y33" s="570"/>
      <c r="Z33" s="566">
        <v>6873</v>
      </c>
      <c r="AA33" s="566"/>
      <c r="AB33" s="566"/>
      <c r="AC33" s="566"/>
      <c r="AD33" s="566"/>
      <c r="AE33" s="566"/>
      <c r="AF33" s="566"/>
      <c r="AG33" s="567"/>
    </row>
    <row r="34" spans="1:33" s="28" customFormat="1" ht="15.2" customHeight="1">
      <c r="A34" s="558" t="s">
        <v>54</v>
      </c>
      <c r="B34" s="559"/>
      <c r="C34" s="559"/>
      <c r="D34" s="559"/>
      <c r="E34" s="559"/>
      <c r="F34" s="559"/>
      <c r="G34" s="559"/>
      <c r="H34" s="559"/>
      <c r="I34" s="560"/>
      <c r="J34" s="202">
        <v>11294</v>
      </c>
      <c r="K34" s="202"/>
      <c r="L34" s="202"/>
      <c r="M34" s="202"/>
      <c r="N34" s="202"/>
      <c r="O34" s="202"/>
      <c r="P34" s="202"/>
      <c r="Q34" s="202"/>
      <c r="R34" s="569">
        <v>10758</v>
      </c>
      <c r="S34" s="569"/>
      <c r="T34" s="569"/>
      <c r="U34" s="569"/>
      <c r="V34" s="569"/>
      <c r="W34" s="569"/>
      <c r="X34" s="569"/>
      <c r="Y34" s="569"/>
      <c r="Z34" s="548">
        <v>10092</v>
      </c>
      <c r="AA34" s="548"/>
      <c r="AB34" s="548"/>
      <c r="AC34" s="548"/>
      <c r="AD34" s="548"/>
      <c r="AE34" s="548"/>
      <c r="AF34" s="548"/>
      <c r="AG34" s="549"/>
    </row>
    <row r="35" spans="1:33" s="1" customFormat="1" ht="15.2" customHeight="1">
      <c r="A35" s="558" t="s">
        <v>55</v>
      </c>
      <c r="B35" s="559"/>
      <c r="C35" s="559"/>
      <c r="D35" s="559"/>
      <c r="E35" s="559"/>
      <c r="F35" s="559"/>
      <c r="G35" s="559"/>
      <c r="H35" s="559"/>
      <c r="I35" s="560"/>
      <c r="J35" s="202">
        <v>2573</v>
      </c>
      <c r="K35" s="202"/>
      <c r="L35" s="202"/>
      <c r="M35" s="202"/>
      <c r="N35" s="202"/>
      <c r="O35" s="202"/>
      <c r="P35" s="202"/>
      <c r="Q35" s="202"/>
      <c r="R35" s="202">
        <v>2531</v>
      </c>
      <c r="S35" s="202"/>
      <c r="T35" s="202"/>
      <c r="U35" s="202"/>
      <c r="V35" s="202"/>
      <c r="W35" s="202"/>
      <c r="X35" s="202"/>
      <c r="Y35" s="202"/>
      <c r="Z35" s="575">
        <v>2331</v>
      </c>
      <c r="AA35" s="575"/>
      <c r="AB35" s="575"/>
      <c r="AC35" s="575"/>
      <c r="AD35" s="575"/>
      <c r="AE35" s="575"/>
      <c r="AF35" s="575"/>
      <c r="AG35" s="576"/>
    </row>
    <row r="36" spans="1:33" s="1" customFormat="1" ht="15.2" customHeight="1">
      <c r="A36" s="71"/>
      <c r="B36" s="69"/>
      <c r="C36" s="69"/>
      <c r="D36" s="561" t="s">
        <v>56</v>
      </c>
      <c r="E36" s="561"/>
      <c r="F36" s="561"/>
      <c r="G36" s="561"/>
      <c r="H36" s="561"/>
      <c r="I36" s="70"/>
      <c r="J36" s="202">
        <v>505</v>
      </c>
      <c r="K36" s="202"/>
      <c r="L36" s="202"/>
      <c r="M36" s="202"/>
      <c r="N36" s="202"/>
      <c r="O36" s="202"/>
      <c r="P36" s="202"/>
      <c r="Q36" s="202"/>
      <c r="R36" s="569">
        <v>409</v>
      </c>
      <c r="S36" s="569"/>
      <c r="T36" s="569"/>
      <c r="U36" s="569"/>
      <c r="V36" s="569"/>
      <c r="W36" s="569"/>
      <c r="X36" s="569"/>
      <c r="Y36" s="569"/>
      <c r="Z36" s="548">
        <v>419</v>
      </c>
      <c r="AA36" s="548"/>
      <c r="AB36" s="548"/>
      <c r="AC36" s="548"/>
      <c r="AD36" s="548"/>
      <c r="AE36" s="548"/>
      <c r="AF36" s="548"/>
      <c r="AG36" s="549"/>
    </row>
    <row r="37" spans="1:33" s="1" customFormat="1" ht="15.2" customHeight="1">
      <c r="A37" s="71"/>
      <c r="B37" s="69"/>
      <c r="C37" s="69"/>
      <c r="D37" s="561" t="s">
        <v>57</v>
      </c>
      <c r="E37" s="561"/>
      <c r="F37" s="561"/>
      <c r="G37" s="561"/>
      <c r="H37" s="561"/>
      <c r="I37" s="70"/>
      <c r="J37" s="202">
        <v>1636</v>
      </c>
      <c r="K37" s="202"/>
      <c r="L37" s="202"/>
      <c r="M37" s="202"/>
      <c r="N37" s="202"/>
      <c r="O37" s="202"/>
      <c r="P37" s="202"/>
      <c r="Q37" s="202"/>
      <c r="R37" s="569">
        <v>1774</v>
      </c>
      <c r="S37" s="569"/>
      <c r="T37" s="569"/>
      <c r="U37" s="569"/>
      <c r="V37" s="569"/>
      <c r="W37" s="569"/>
      <c r="X37" s="569"/>
      <c r="Y37" s="569"/>
      <c r="Z37" s="548">
        <v>1559</v>
      </c>
      <c r="AA37" s="548"/>
      <c r="AB37" s="548"/>
      <c r="AC37" s="548"/>
      <c r="AD37" s="548"/>
      <c r="AE37" s="548"/>
      <c r="AF37" s="548"/>
      <c r="AG37" s="549"/>
    </row>
    <row r="38" spans="1:33" s="1" customFormat="1" ht="15" customHeight="1">
      <c r="A38" s="71"/>
      <c r="B38" s="69"/>
      <c r="C38" s="69"/>
      <c r="D38" s="595" t="s">
        <v>305</v>
      </c>
      <c r="E38" s="595"/>
      <c r="F38" s="595"/>
      <c r="G38" s="595"/>
      <c r="H38" s="595"/>
      <c r="I38" s="70"/>
      <c r="J38" s="202">
        <v>1</v>
      </c>
      <c r="K38" s="202"/>
      <c r="L38" s="202"/>
      <c r="M38" s="202"/>
      <c r="N38" s="202"/>
      <c r="O38" s="202"/>
      <c r="P38" s="202"/>
      <c r="Q38" s="202"/>
      <c r="R38" s="569">
        <v>2</v>
      </c>
      <c r="S38" s="569"/>
      <c r="T38" s="569"/>
      <c r="U38" s="569"/>
      <c r="V38" s="569"/>
      <c r="W38" s="569"/>
      <c r="X38" s="569"/>
      <c r="Y38" s="569"/>
      <c r="Z38" s="548" t="s">
        <v>162</v>
      </c>
      <c r="AA38" s="548"/>
      <c r="AB38" s="548"/>
      <c r="AC38" s="548"/>
      <c r="AD38" s="548"/>
      <c r="AE38" s="548"/>
      <c r="AF38" s="548"/>
      <c r="AG38" s="549"/>
    </row>
    <row r="39" spans="1:33" s="1" customFormat="1" ht="15.2" customHeight="1">
      <c r="A39" s="71"/>
      <c r="B39" s="72"/>
      <c r="C39" s="72"/>
      <c r="D39" s="561" t="s">
        <v>58</v>
      </c>
      <c r="E39" s="561"/>
      <c r="F39" s="561"/>
      <c r="G39" s="561"/>
      <c r="H39" s="561"/>
      <c r="I39" s="73"/>
      <c r="J39" s="202">
        <v>431</v>
      </c>
      <c r="K39" s="202"/>
      <c r="L39" s="202"/>
      <c r="M39" s="202"/>
      <c r="N39" s="202"/>
      <c r="O39" s="202"/>
      <c r="P39" s="202"/>
      <c r="Q39" s="202"/>
      <c r="R39" s="569">
        <v>346</v>
      </c>
      <c r="S39" s="569"/>
      <c r="T39" s="569"/>
      <c r="U39" s="569"/>
      <c r="V39" s="569"/>
      <c r="W39" s="569"/>
      <c r="X39" s="569"/>
      <c r="Y39" s="569"/>
      <c r="Z39" s="548">
        <v>353</v>
      </c>
      <c r="AA39" s="548"/>
      <c r="AB39" s="548"/>
      <c r="AC39" s="548"/>
      <c r="AD39" s="548"/>
      <c r="AE39" s="548"/>
      <c r="AF39" s="548"/>
      <c r="AG39" s="549"/>
    </row>
    <row r="40" spans="1:33" s="1" customFormat="1" ht="15.2" customHeight="1">
      <c r="A40" s="558" t="s">
        <v>59</v>
      </c>
      <c r="B40" s="559"/>
      <c r="C40" s="559"/>
      <c r="D40" s="559"/>
      <c r="E40" s="559"/>
      <c r="F40" s="559"/>
      <c r="G40" s="559"/>
      <c r="H40" s="559"/>
      <c r="I40" s="560"/>
      <c r="J40" s="202">
        <v>3207</v>
      </c>
      <c r="K40" s="202"/>
      <c r="L40" s="202"/>
      <c r="M40" s="202"/>
      <c r="N40" s="202"/>
      <c r="O40" s="202"/>
      <c r="P40" s="202"/>
      <c r="Q40" s="202"/>
      <c r="R40" s="202">
        <v>3067</v>
      </c>
      <c r="S40" s="202"/>
      <c r="T40" s="202"/>
      <c r="U40" s="202"/>
      <c r="V40" s="202"/>
      <c r="W40" s="202"/>
      <c r="X40" s="202"/>
      <c r="Y40" s="202"/>
      <c r="Z40" s="575">
        <v>2997</v>
      </c>
      <c r="AA40" s="575"/>
      <c r="AB40" s="575"/>
      <c r="AC40" s="575"/>
      <c r="AD40" s="575"/>
      <c r="AE40" s="575"/>
      <c r="AF40" s="575"/>
      <c r="AG40" s="576"/>
    </row>
    <row r="41" spans="1:33" s="1" customFormat="1" ht="15.2" customHeight="1">
      <c r="A41" s="71"/>
      <c r="B41" s="72"/>
      <c r="C41" s="72"/>
      <c r="D41" s="561" t="s">
        <v>60</v>
      </c>
      <c r="E41" s="561"/>
      <c r="F41" s="561"/>
      <c r="G41" s="561"/>
      <c r="H41" s="561"/>
      <c r="I41" s="73"/>
      <c r="J41" s="202">
        <v>460</v>
      </c>
      <c r="K41" s="202"/>
      <c r="L41" s="202"/>
      <c r="M41" s="202"/>
      <c r="N41" s="202"/>
      <c r="O41" s="202"/>
      <c r="P41" s="202"/>
      <c r="Q41" s="202"/>
      <c r="R41" s="569">
        <v>428</v>
      </c>
      <c r="S41" s="569"/>
      <c r="T41" s="569"/>
      <c r="U41" s="569"/>
      <c r="V41" s="569"/>
      <c r="W41" s="569"/>
      <c r="X41" s="569"/>
      <c r="Y41" s="569"/>
      <c r="Z41" s="548">
        <v>452</v>
      </c>
      <c r="AA41" s="548"/>
      <c r="AB41" s="548"/>
      <c r="AC41" s="548"/>
      <c r="AD41" s="548"/>
      <c r="AE41" s="548"/>
      <c r="AF41" s="548"/>
      <c r="AG41" s="549"/>
    </row>
    <row r="42" spans="1:33" s="1" customFormat="1" ht="15.2" customHeight="1">
      <c r="A42" s="71"/>
      <c r="B42" s="69"/>
      <c r="C42" s="69"/>
      <c r="D42" s="561" t="s">
        <v>61</v>
      </c>
      <c r="E42" s="561"/>
      <c r="F42" s="561"/>
      <c r="G42" s="561"/>
      <c r="H42" s="561"/>
      <c r="I42" s="70"/>
      <c r="J42" s="202">
        <v>1522</v>
      </c>
      <c r="K42" s="202"/>
      <c r="L42" s="202"/>
      <c r="M42" s="202"/>
      <c r="N42" s="202"/>
      <c r="O42" s="202"/>
      <c r="P42" s="202"/>
      <c r="Q42" s="202"/>
      <c r="R42" s="569">
        <v>1431</v>
      </c>
      <c r="S42" s="569"/>
      <c r="T42" s="569"/>
      <c r="U42" s="569"/>
      <c r="V42" s="569"/>
      <c r="W42" s="569"/>
      <c r="X42" s="569"/>
      <c r="Y42" s="569"/>
      <c r="Z42" s="548">
        <v>1400</v>
      </c>
      <c r="AA42" s="548"/>
      <c r="AB42" s="548"/>
      <c r="AC42" s="548"/>
      <c r="AD42" s="548"/>
      <c r="AE42" s="548"/>
      <c r="AF42" s="548"/>
      <c r="AG42" s="549"/>
    </row>
    <row r="43" spans="1:33" s="1" customFormat="1" ht="15.2" customHeight="1">
      <c r="A43" s="71"/>
      <c r="B43" s="69"/>
      <c r="C43" s="69"/>
      <c r="D43" s="595" t="s">
        <v>306</v>
      </c>
      <c r="E43" s="595"/>
      <c r="F43" s="595"/>
      <c r="G43" s="595"/>
      <c r="H43" s="595"/>
      <c r="I43" s="70"/>
      <c r="J43" s="202">
        <v>915</v>
      </c>
      <c r="K43" s="202"/>
      <c r="L43" s="202"/>
      <c r="M43" s="202"/>
      <c r="N43" s="202"/>
      <c r="O43" s="202"/>
      <c r="P43" s="202"/>
      <c r="Q43" s="202"/>
      <c r="R43" s="569">
        <v>917</v>
      </c>
      <c r="S43" s="569"/>
      <c r="T43" s="569"/>
      <c r="U43" s="569"/>
      <c r="V43" s="569"/>
      <c r="W43" s="569"/>
      <c r="X43" s="569"/>
      <c r="Y43" s="569"/>
      <c r="Z43" s="548">
        <v>867</v>
      </c>
      <c r="AA43" s="548"/>
      <c r="AB43" s="548"/>
      <c r="AC43" s="548"/>
      <c r="AD43" s="548"/>
      <c r="AE43" s="548"/>
      <c r="AF43" s="548"/>
      <c r="AG43" s="549"/>
    </row>
    <row r="44" spans="1:33" s="1" customFormat="1" ht="15.2" customHeight="1">
      <c r="A44" s="74"/>
      <c r="B44" s="75"/>
      <c r="C44" s="75"/>
      <c r="D44" s="562" t="s">
        <v>58</v>
      </c>
      <c r="E44" s="562"/>
      <c r="F44" s="562"/>
      <c r="G44" s="562"/>
      <c r="H44" s="562"/>
      <c r="I44" s="76"/>
      <c r="J44" s="607">
        <v>310</v>
      </c>
      <c r="K44" s="607"/>
      <c r="L44" s="607"/>
      <c r="M44" s="607"/>
      <c r="N44" s="607"/>
      <c r="O44" s="607"/>
      <c r="P44" s="607"/>
      <c r="Q44" s="607"/>
      <c r="R44" s="713">
        <v>291</v>
      </c>
      <c r="S44" s="713"/>
      <c r="T44" s="713"/>
      <c r="U44" s="713"/>
      <c r="V44" s="713"/>
      <c r="W44" s="713"/>
      <c r="X44" s="713"/>
      <c r="Y44" s="713"/>
      <c r="Z44" s="550">
        <v>278</v>
      </c>
      <c r="AA44" s="550"/>
      <c r="AB44" s="550"/>
      <c r="AC44" s="550"/>
      <c r="AD44" s="550"/>
      <c r="AE44" s="550"/>
      <c r="AF44" s="550"/>
      <c r="AG44" s="551"/>
    </row>
    <row r="45" spans="1:33" s="1" customFormat="1" ht="18" customHeight="1">
      <c r="AA45" s="3"/>
      <c r="AB45" s="3"/>
      <c r="AC45" s="3"/>
      <c r="AD45" s="3"/>
      <c r="AE45" s="3"/>
      <c r="AF45" s="3"/>
      <c r="AG45" s="3" t="s">
        <v>176</v>
      </c>
    </row>
    <row r="46" spans="1:33" s="1" customFormat="1" ht="15.95" customHeight="1">
      <c r="A46" s="16" t="s">
        <v>10</v>
      </c>
      <c r="AA46" s="2"/>
      <c r="AB46" s="2"/>
      <c r="AC46" s="2"/>
      <c r="AD46" s="2"/>
      <c r="AE46" s="2"/>
      <c r="AF46" s="2"/>
    </row>
    <row r="47" spans="1:33" s="1" customFormat="1" ht="15.95" customHeight="1">
      <c r="A47" s="16" t="s">
        <v>332</v>
      </c>
      <c r="AA47" s="2"/>
      <c r="AB47" s="2"/>
      <c r="AC47" s="33"/>
      <c r="AD47" s="33"/>
      <c r="AE47" s="33"/>
      <c r="AF47" s="33"/>
      <c r="AG47" s="14" t="s">
        <v>156</v>
      </c>
    </row>
    <row r="48" spans="1:33" s="1" customFormat="1" ht="15.95" customHeight="1">
      <c r="A48" s="189" t="s">
        <v>53</v>
      </c>
      <c r="B48" s="190"/>
      <c r="C48" s="190"/>
      <c r="D48" s="190"/>
      <c r="E48" s="190"/>
      <c r="F48" s="190"/>
      <c r="G48" s="190"/>
      <c r="H48" s="191"/>
      <c r="I48" s="132" t="s">
        <v>62</v>
      </c>
      <c r="J48" s="133"/>
      <c r="K48" s="133"/>
      <c r="L48" s="133"/>
      <c r="M48" s="134"/>
      <c r="N48" s="563" t="s">
        <v>177</v>
      </c>
      <c r="O48" s="564"/>
      <c r="P48" s="564"/>
      <c r="Q48" s="564"/>
      <c r="R48" s="565"/>
      <c r="S48" s="563" t="s">
        <v>63</v>
      </c>
      <c r="T48" s="564"/>
      <c r="U48" s="564"/>
      <c r="V48" s="564"/>
      <c r="W48" s="565"/>
      <c r="X48" s="563" t="s">
        <v>144</v>
      </c>
      <c r="Y48" s="564"/>
      <c r="Z48" s="564"/>
      <c r="AA48" s="564"/>
      <c r="AB48" s="565"/>
      <c r="AC48" s="563" t="s">
        <v>178</v>
      </c>
      <c r="AD48" s="564"/>
      <c r="AE48" s="564"/>
      <c r="AF48" s="564"/>
      <c r="AG48" s="705"/>
    </row>
    <row r="49" spans="1:33" s="1" customFormat="1" ht="15.95" customHeight="1">
      <c r="A49" s="138" t="s">
        <v>31</v>
      </c>
      <c r="B49" s="139"/>
      <c r="C49" s="139"/>
      <c r="D49" s="139"/>
      <c r="E49" s="139"/>
      <c r="F49" s="139"/>
      <c r="G49" s="139"/>
      <c r="H49" s="140"/>
      <c r="I49" s="135"/>
      <c r="J49" s="136"/>
      <c r="K49" s="136"/>
      <c r="L49" s="136"/>
      <c r="M49" s="137"/>
      <c r="N49" s="143"/>
      <c r="O49" s="144"/>
      <c r="P49" s="144"/>
      <c r="Q49" s="144"/>
      <c r="R49" s="145"/>
      <c r="S49" s="143"/>
      <c r="T49" s="144"/>
      <c r="U49" s="144"/>
      <c r="V49" s="144"/>
      <c r="W49" s="145"/>
      <c r="X49" s="143"/>
      <c r="Y49" s="144"/>
      <c r="Z49" s="144"/>
      <c r="AA49" s="144"/>
      <c r="AB49" s="145"/>
      <c r="AC49" s="143"/>
      <c r="AD49" s="144"/>
      <c r="AE49" s="144"/>
      <c r="AF49" s="144"/>
      <c r="AG49" s="706"/>
    </row>
    <row r="50" spans="1:33" s="1" customFormat="1" ht="20.100000000000001" customHeight="1">
      <c r="A50" s="539">
        <v>4</v>
      </c>
      <c r="B50" s="540"/>
      <c r="C50" s="540"/>
      <c r="D50" s="541"/>
      <c r="E50" s="536" t="s">
        <v>64</v>
      </c>
      <c r="F50" s="537"/>
      <c r="G50" s="537"/>
      <c r="H50" s="538"/>
      <c r="I50" s="603">
        <v>197300</v>
      </c>
      <c r="J50" s="552"/>
      <c r="K50" s="552"/>
      <c r="L50" s="552"/>
      <c r="M50" s="552"/>
      <c r="N50" s="552">
        <v>2443</v>
      </c>
      <c r="O50" s="552"/>
      <c r="P50" s="552"/>
      <c r="Q50" s="552"/>
      <c r="R50" s="552"/>
      <c r="S50" s="552">
        <v>103036</v>
      </c>
      <c r="T50" s="552"/>
      <c r="U50" s="552"/>
      <c r="V50" s="552"/>
      <c r="W50" s="552"/>
      <c r="X50" s="552">
        <v>27895</v>
      </c>
      <c r="Y50" s="552"/>
      <c r="Z50" s="552"/>
      <c r="AA50" s="552"/>
      <c r="AB50" s="552"/>
      <c r="AC50" s="552">
        <v>63926</v>
      </c>
      <c r="AD50" s="552"/>
      <c r="AE50" s="552"/>
      <c r="AF50" s="552"/>
      <c r="AG50" s="697"/>
    </row>
    <row r="51" spans="1:33" s="1" customFormat="1" ht="20.100000000000001" customHeight="1">
      <c r="A51" s="542"/>
      <c r="B51" s="196"/>
      <c r="C51" s="196"/>
      <c r="D51" s="197"/>
      <c r="E51" s="536" t="s">
        <v>65</v>
      </c>
      <c r="F51" s="537"/>
      <c r="G51" s="537"/>
      <c r="H51" s="538"/>
      <c r="I51" s="712">
        <v>4717003</v>
      </c>
      <c r="J51" s="681"/>
      <c r="K51" s="681"/>
      <c r="L51" s="681"/>
      <c r="M51" s="681"/>
      <c r="N51" s="681">
        <v>1649330</v>
      </c>
      <c r="O51" s="681"/>
      <c r="P51" s="681"/>
      <c r="Q51" s="681"/>
      <c r="R51" s="681"/>
      <c r="S51" s="681">
        <v>1826102</v>
      </c>
      <c r="T51" s="681"/>
      <c r="U51" s="681"/>
      <c r="V51" s="681"/>
      <c r="W51" s="681"/>
      <c r="X51" s="681">
        <v>364977</v>
      </c>
      <c r="Y51" s="681"/>
      <c r="Z51" s="681"/>
      <c r="AA51" s="681"/>
      <c r="AB51" s="681"/>
      <c r="AC51" s="681">
        <v>876594</v>
      </c>
      <c r="AD51" s="681"/>
      <c r="AE51" s="681"/>
      <c r="AF51" s="681"/>
      <c r="AG51" s="682"/>
    </row>
    <row r="52" spans="1:33" s="1" customFormat="1" ht="20.100000000000001" customHeight="1">
      <c r="A52" s="539">
        <v>5</v>
      </c>
      <c r="B52" s="540"/>
      <c r="C52" s="540"/>
      <c r="D52" s="541"/>
      <c r="E52" s="536" t="s">
        <v>64</v>
      </c>
      <c r="F52" s="537"/>
      <c r="G52" s="537"/>
      <c r="H52" s="538"/>
      <c r="I52" s="603">
        <v>193363</v>
      </c>
      <c r="J52" s="552"/>
      <c r="K52" s="552"/>
      <c r="L52" s="552"/>
      <c r="M52" s="552"/>
      <c r="N52" s="703">
        <v>2456</v>
      </c>
      <c r="O52" s="703"/>
      <c r="P52" s="703"/>
      <c r="Q52" s="703"/>
      <c r="R52" s="703"/>
      <c r="S52" s="703">
        <v>99033</v>
      </c>
      <c r="T52" s="703"/>
      <c r="U52" s="703"/>
      <c r="V52" s="703"/>
      <c r="W52" s="703"/>
      <c r="X52" s="703">
        <v>27780</v>
      </c>
      <c r="Y52" s="703"/>
      <c r="Z52" s="703"/>
      <c r="AA52" s="703"/>
      <c r="AB52" s="703"/>
      <c r="AC52" s="703">
        <v>64094</v>
      </c>
      <c r="AD52" s="703"/>
      <c r="AE52" s="703"/>
      <c r="AF52" s="703"/>
      <c r="AG52" s="704"/>
    </row>
    <row r="53" spans="1:33" s="1" customFormat="1" ht="20.100000000000001" customHeight="1">
      <c r="A53" s="542"/>
      <c r="B53" s="196"/>
      <c r="C53" s="196"/>
      <c r="D53" s="197"/>
      <c r="E53" s="536" t="s">
        <v>65</v>
      </c>
      <c r="F53" s="537"/>
      <c r="G53" s="537"/>
      <c r="H53" s="538"/>
      <c r="I53" s="712">
        <v>4741714</v>
      </c>
      <c r="J53" s="681"/>
      <c r="K53" s="681"/>
      <c r="L53" s="681"/>
      <c r="M53" s="681"/>
      <c r="N53" s="554">
        <v>1811152</v>
      </c>
      <c r="O53" s="554"/>
      <c r="P53" s="554"/>
      <c r="Q53" s="554"/>
      <c r="R53" s="554"/>
      <c r="S53" s="554">
        <v>1722959</v>
      </c>
      <c r="T53" s="554"/>
      <c r="U53" s="554"/>
      <c r="V53" s="554"/>
      <c r="W53" s="554"/>
      <c r="X53" s="554">
        <v>359702</v>
      </c>
      <c r="Y53" s="554"/>
      <c r="Z53" s="554"/>
      <c r="AA53" s="554"/>
      <c r="AB53" s="554"/>
      <c r="AC53" s="554">
        <v>847901</v>
      </c>
      <c r="AD53" s="554"/>
      <c r="AE53" s="554"/>
      <c r="AF53" s="554"/>
      <c r="AG53" s="555"/>
    </row>
    <row r="54" spans="1:33" s="28" customFormat="1" ht="20.100000000000001" customHeight="1">
      <c r="A54" s="529">
        <v>6</v>
      </c>
      <c r="B54" s="530"/>
      <c r="C54" s="530"/>
      <c r="D54" s="531"/>
      <c r="E54" s="492" t="s">
        <v>64</v>
      </c>
      <c r="F54" s="493"/>
      <c r="G54" s="493"/>
      <c r="H54" s="494"/>
      <c r="I54" s="893">
        <v>185146</v>
      </c>
      <c r="J54" s="894"/>
      <c r="K54" s="894"/>
      <c r="L54" s="894"/>
      <c r="M54" s="894"/>
      <c r="N54" s="556">
        <v>2295</v>
      </c>
      <c r="O54" s="556"/>
      <c r="P54" s="556"/>
      <c r="Q54" s="556"/>
      <c r="R54" s="556"/>
      <c r="S54" s="556">
        <v>92521</v>
      </c>
      <c r="T54" s="556"/>
      <c r="U54" s="556"/>
      <c r="V54" s="556"/>
      <c r="W54" s="556"/>
      <c r="X54" s="556">
        <v>27066</v>
      </c>
      <c r="Y54" s="556"/>
      <c r="Z54" s="556"/>
      <c r="AA54" s="556"/>
      <c r="AB54" s="556"/>
      <c r="AC54" s="556">
        <v>63264</v>
      </c>
      <c r="AD54" s="556"/>
      <c r="AE54" s="556"/>
      <c r="AF54" s="556"/>
      <c r="AG54" s="557"/>
    </row>
    <row r="55" spans="1:33" s="28" customFormat="1" ht="20.100000000000001" customHeight="1">
      <c r="A55" s="532"/>
      <c r="B55" s="533"/>
      <c r="C55" s="533"/>
      <c r="D55" s="534"/>
      <c r="E55" s="604" t="s">
        <v>65</v>
      </c>
      <c r="F55" s="605"/>
      <c r="G55" s="605"/>
      <c r="H55" s="606"/>
      <c r="I55" s="701">
        <v>4421358</v>
      </c>
      <c r="J55" s="702"/>
      <c r="K55" s="702"/>
      <c r="L55" s="702"/>
      <c r="M55" s="702"/>
      <c r="N55" s="543">
        <v>1689480</v>
      </c>
      <c r="O55" s="543"/>
      <c r="P55" s="543"/>
      <c r="Q55" s="543"/>
      <c r="R55" s="543"/>
      <c r="S55" s="543">
        <v>1582960</v>
      </c>
      <c r="T55" s="543"/>
      <c r="U55" s="543"/>
      <c r="V55" s="543"/>
      <c r="W55" s="543"/>
      <c r="X55" s="543">
        <v>350461</v>
      </c>
      <c r="Y55" s="543"/>
      <c r="Z55" s="543"/>
      <c r="AA55" s="543"/>
      <c r="AB55" s="543"/>
      <c r="AC55" s="543">
        <v>798457</v>
      </c>
      <c r="AD55" s="543"/>
      <c r="AE55" s="543"/>
      <c r="AF55" s="543"/>
      <c r="AG55" s="709"/>
    </row>
    <row r="56" spans="1:33" s="1" customFormat="1" ht="13.5" customHeight="1">
      <c r="AA56" s="3"/>
      <c r="AB56" s="3"/>
      <c r="AC56" s="3"/>
      <c r="AD56" s="3"/>
      <c r="AE56" s="3"/>
      <c r="AF56" s="3"/>
      <c r="AG56" s="3" t="s">
        <v>176</v>
      </c>
    </row>
    <row r="57" spans="1:33" s="1" customFormat="1" ht="15.95" customHeight="1">
      <c r="AA57" s="3"/>
      <c r="AB57" s="3"/>
      <c r="AC57" s="3"/>
      <c r="AD57" s="3"/>
      <c r="AE57" s="3"/>
      <c r="AF57" s="3"/>
      <c r="AG57" s="3"/>
    </row>
    <row r="58" spans="1:33" s="1" customFormat="1" ht="15.95" customHeight="1">
      <c r="A58" s="16" t="s">
        <v>11</v>
      </c>
      <c r="AA58" s="3"/>
      <c r="AB58" s="3"/>
      <c r="AC58" s="2"/>
      <c r="AD58" s="2"/>
      <c r="AE58" s="2"/>
      <c r="AF58" s="2"/>
      <c r="AG58" s="4" t="s">
        <v>156</v>
      </c>
    </row>
    <row r="59" spans="1:33" s="1" customFormat="1" ht="15.95" customHeight="1">
      <c r="A59" s="189" t="s">
        <v>53</v>
      </c>
      <c r="B59" s="190"/>
      <c r="C59" s="190"/>
      <c r="D59" s="190"/>
      <c r="E59" s="190"/>
      <c r="F59" s="190"/>
      <c r="G59" s="190"/>
      <c r="H59" s="191"/>
      <c r="I59" s="691" t="s">
        <v>307</v>
      </c>
      <c r="J59" s="692"/>
      <c r="K59" s="692"/>
      <c r="L59" s="692"/>
      <c r="M59" s="692"/>
      <c r="N59" s="692"/>
      <c r="O59" s="693"/>
      <c r="P59" s="691" t="s">
        <v>66</v>
      </c>
      <c r="Q59" s="692"/>
      <c r="R59" s="692"/>
      <c r="S59" s="692"/>
      <c r="T59" s="692"/>
      <c r="U59" s="693"/>
      <c r="V59" s="691" t="s">
        <v>67</v>
      </c>
      <c r="W59" s="692"/>
      <c r="X59" s="692"/>
      <c r="Y59" s="692"/>
      <c r="Z59" s="692"/>
      <c r="AA59" s="693"/>
      <c r="AB59" s="691" t="s">
        <v>68</v>
      </c>
      <c r="AC59" s="692"/>
      <c r="AD59" s="692"/>
      <c r="AE59" s="692"/>
      <c r="AF59" s="692"/>
      <c r="AG59" s="707"/>
    </row>
    <row r="60" spans="1:33" s="1" customFormat="1" ht="15.95" customHeight="1">
      <c r="A60" s="138" t="s">
        <v>31</v>
      </c>
      <c r="B60" s="139"/>
      <c r="C60" s="139"/>
      <c r="D60" s="139"/>
      <c r="E60" s="139"/>
      <c r="F60" s="139"/>
      <c r="G60" s="139"/>
      <c r="H60" s="140"/>
      <c r="I60" s="698"/>
      <c r="J60" s="699"/>
      <c r="K60" s="699"/>
      <c r="L60" s="699"/>
      <c r="M60" s="699"/>
      <c r="N60" s="699"/>
      <c r="O60" s="700"/>
      <c r="P60" s="694"/>
      <c r="Q60" s="695"/>
      <c r="R60" s="695"/>
      <c r="S60" s="695"/>
      <c r="T60" s="695"/>
      <c r="U60" s="696"/>
      <c r="V60" s="694"/>
      <c r="W60" s="695"/>
      <c r="X60" s="695"/>
      <c r="Y60" s="695"/>
      <c r="Z60" s="695"/>
      <c r="AA60" s="696"/>
      <c r="AB60" s="694"/>
      <c r="AC60" s="695"/>
      <c r="AD60" s="695"/>
      <c r="AE60" s="695"/>
      <c r="AF60" s="695"/>
      <c r="AG60" s="708"/>
    </row>
    <row r="61" spans="1:33" s="1" customFormat="1" ht="20.100000000000001" customHeight="1">
      <c r="A61" s="539">
        <v>4</v>
      </c>
      <c r="B61" s="540"/>
      <c r="C61" s="540"/>
      <c r="D61" s="541"/>
      <c r="E61" s="536" t="s">
        <v>64</v>
      </c>
      <c r="F61" s="537"/>
      <c r="G61" s="537"/>
      <c r="H61" s="538"/>
      <c r="I61" s="616">
        <v>8195</v>
      </c>
      <c r="J61" s="272"/>
      <c r="K61" s="272"/>
      <c r="L61" s="272"/>
      <c r="M61" s="272"/>
      <c r="N61" s="272"/>
      <c r="O61" s="272"/>
      <c r="P61" s="272">
        <v>8206</v>
      </c>
      <c r="Q61" s="272"/>
      <c r="R61" s="272"/>
      <c r="S61" s="272"/>
      <c r="T61" s="272"/>
      <c r="U61" s="272"/>
      <c r="V61" s="272">
        <v>28</v>
      </c>
      <c r="W61" s="272"/>
      <c r="X61" s="272"/>
      <c r="Y61" s="272"/>
      <c r="Z61" s="272"/>
      <c r="AA61" s="272"/>
      <c r="AB61" s="272">
        <v>78</v>
      </c>
      <c r="AC61" s="272"/>
      <c r="AD61" s="272"/>
      <c r="AE61" s="272"/>
      <c r="AF61" s="272"/>
      <c r="AG61" s="683"/>
    </row>
    <row r="62" spans="1:33" s="1" customFormat="1" ht="20.100000000000001" customHeight="1">
      <c r="A62" s="542"/>
      <c r="B62" s="196"/>
      <c r="C62" s="196"/>
      <c r="D62" s="197"/>
      <c r="E62" s="536" t="s">
        <v>65</v>
      </c>
      <c r="F62" s="537"/>
      <c r="G62" s="537"/>
      <c r="H62" s="538"/>
      <c r="I62" s="620">
        <v>68799</v>
      </c>
      <c r="J62" s="387"/>
      <c r="K62" s="387"/>
      <c r="L62" s="387"/>
      <c r="M62" s="387"/>
      <c r="N62" s="387"/>
      <c r="O62" s="387"/>
      <c r="P62" s="387">
        <v>505439</v>
      </c>
      <c r="Q62" s="387"/>
      <c r="R62" s="387"/>
      <c r="S62" s="387"/>
      <c r="T62" s="387"/>
      <c r="U62" s="387"/>
      <c r="V62" s="387">
        <v>11724</v>
      </c>
      <c r="W62" s="387"/>
      <c r="X62" s="387"/>
      <c r="Y62" s="387"/>
      <c r="Z62" s="387"/>
      <c r="AA62" s="387"/>
      <c r="AB62" s="387">
        <v>3900</v>
      </c>
      <c r="AC62" s="387"/>
      <c r="AD62" s="387"/>
      <c r="AE62" s="387"/>
      <c r="AF62" s="387"/>
      <c r="AG62" s="553"/>
    </row>
    <row r="63" spans="1:33" s="1" customFormat="1" ht="20.100000000000001" customHeight="1">
      <c r="A63" s="539">
        <v>5</v>
      </c>
      <c r="B63" s="540"/>
      <c r="C63" s="540"/>
      <c r="D63" s="541"/>
      <c r="E63" s="536" t="s">
        <v>64</v>
      </c>
      <c r="F63" s="537"/>
      <c r="G63" s="537"/>
      <c r="H63" s="538"/>
      <c r="I63" s="616">
        <v>7578</v>
      </c>
      <c r="J63" s="272"/>
      <c r="K63" s="272"/>
      <c r="L63" s="272"/>
      <c r="M63" s="272"/>
      <c r="N63" s="272"/>
      <c r="O63" s="272"/>
      <c r="P63" s="272">
        <v>7684</v>
      </c>
      <c r="Q63" s="272"/>
      <c r="R63" s="272"/>
      <c r="S63" s="272"/>
      <c r="T63" s="272"/>
      <c r="U63" s="272"/>
      <c r="V63" s="272">
        <v>24</v>
      </c>
      <c r="W63" s="272"/>
      <c r="X63" s="272"/>
      <c r="Y63" s="272"/>
      <c r="Z63" s="272"/>
      <c r="AA63" s="272"/>
      <c r="AB63" s="272">
        <v>59</v>
      </c>
      <c r="AC63" s="272"/>
      <c r="AD63" s="272"/>
      <c r="AE63" s="272"/>
      <c r="AF63" s="272"/>
      <c r="AG63" s="683"/>
    </row>
    <row r="64" spans="1:33" s="1" customFormat="1" ht="20.100000000000001" customHeight="1">
      <c r="A64" s="542"/>
      <c r="B64" s="196"/>
      <c r="C64" s="196"/>
      <c r="D64" s="197"/>
      <c r="E64" s="536" t="s">
        <v>65</v>
      </c>
      <c r="F64" s="537"/>
      <c r="G64" s="537"/>
      <c r="H64" s="538"/>
      <c r="I64" s="620">
        <v>64451</v>
      </c>
      <c r="J64" s="387"/>
      <c r="K64" s="387"/>
      <c r="L64" s="387"/>
      <c r="M64" s="387"/>
      <c r="N64" s="387"/>
      <c r="O64" s="387"/>
      <c r="P64" s="387">
        <v>536939</v>
      </c>
      <c r="Q64" s="387"/>
      <c r="R64" s="387"/>
      <c r="S64" s="387"/>
      <c r="T64" s="387"/>
      <c r="U64" s="387"/>
      <c r="V64" s="387">
        <v>11416</v>
      </c>
      <c r="W64" s="387"/>
      <c r="X64" s="387"/>
      <c r="Y64" s="387"/>
      <c r="Z64" s="387"/>
      <c r="AA64" s="387"/>
      <c r="AB64" s="387">
        <v>2950</v>
      </c>
      <c r="AC64" s="387"/>
      <c r="AD64" s="387"/>
      <c r="AE64" s="387"/>
      <c r="AF64" s="387"/>
      <c r="AG64" s="553"/>
    </row>
    <row r="65" spans="1:33" s="28" customFormat="1" ht="20.100000000000001" customHeight="1">
      <c r="A65" s="529">
        <v>6</v>
      </c>
      <c r="B65" s="530"/>
      <c r="C65" s="530"/>
      <c r="D65" s="531"/>
      <c r="E65" s="492" t="s">
        <v>64</v>
      </c>
      <c r="F65" s="493"/>
      <c r="G65" s="493"/>
      <c r="H65" s="494"/>
      <c r="I65" s="676">
        <v>6914</v>
      </c>
      <c r="J65" s="483"/>
      <c r="K65" s="483"/>
      <c r="L65" s="483"/>
      <c r="M65" s="483"/>
      <c r="N65" s="483"/>
      <c r="O65" s="483"/>
      <c r="P65" s="483">
        <v>7552</v>
      </c>
      <c r="Q65" s="483"/>
      <c r="R65" s="483"/>
      <c r="S65" s="483"/>
      <c r="T65" s="483"/>
      <c r="U65" s="483"/>
      <c r="V65" s="483">
        <v>22</v>
      </c>
      <c r="W65" s="483"/>
      <c r="X65" s="483"/>
      <c r="Y65" s="483"/>
      <c r="Z65" s="483"/>
      <c r="AA65" s="483"/>
      <c r="AB65" s="483">
        <v>64</v>
      </c>
      <c r="AC65" s="483"/>
      <c r="AD65" s="483"/>
      <c r="AE65" s="483"/>
      <c r="AF65" s="483"/>
      <c r="AG65" s="484"/>
    </row>
    <row r="66" spans="1:33" s="28" customFormat="1" ht="20.100000000000001" customHeight="1">
      <c r="A66" s="532"/>
      <c r="B66" s="533"/>
      <c r="C66" s="533"/>
      <c r="D66" s="534"/>
      <c r="E66" s="604" t="s">
        <v>65</v>
      </c>
      <c r="F66" s="605"/>
      <c r="G66" s="605"/>
      <c r="H66" s="606"/>
      <c r="I66" s="491">
        <v>56363</v>
      </c>
      <c r="J66" s="203"/>
      <c r="K66" s="203"/>
      <c r="L66" s="203"/>
      <c r="M66" s="203"/>
      <c r="N66" s="203"/>
      <c r="O66" s="203"/>
      <c r="P66" s="203">
        <v>509598</v>
      </c>
      <c r="Q66" s="203"/>
      <c r="R66" s="203"/>
      <c r="S66" s="203"/>
      <c r="T66" s="203"/>
      <c r="U66" s="203"/>
      <c r="V66" s="203">
        <v>10976</v>
      </c>
      <c r="W66" s="203"/>
      <c r="X66" s="203"/>
      <c r="Y66" s="203"/>
      <c r="Z66" s="203"/>
      <c r="AA66" s="203"/>
      <c r="AB66" s="203">
        <v>3200</v>
      </c>
      <c r="AC66" s="203"/>
      <c r="AD66" s="203"/>
      <c r="AE66" s="203"/>
      <c r="AF66" s="203"/>
      <c r="AG66" s="204"/>
    </row>
    <row r="67" spans="1:33" s="1" customFormat="1" ht="13.5" customHeight="1">
      <c r="AA67" s="3"/>
      <c r="AB67" s="3"/>
      <c r="AC67" s="3"/>
      <c r="AD67" s="3"/>
      <c r="AE67" s="3"/>
      <c r="AF67" s="3"/>
      <c r="AG67" s="3" t="s">
        <v>7</v>
      </c>
    </row>
    <row r="68" spans="1:33" s="1" customFormat="1" ht="15.95" customHeight="1">
      <c r="AA68" s="3"/>
      <c r="AB68" s="3"/>
      <c r="AC68" s="3"/>
      <c r="AD68" s="3"/>
      <c r="AE68" s="3"/>
      <c r="AF68" s="3"/>
      <c r="AG68" s="3"/>
    </row>
    <row r="69" spans="1:33" s="5" customFormat="1" ht="20.100000000000001" customHeight="1">
      <c r="A69" s="18" t="s">
        <v>12</v>
      </c>
      <c r="AG69" s="4"/>
    </row>
    <row r="70" spans="1:33" s="1" customFormat="1" ht="15.95" customHeight="1">
      <c r="B70" s="6" t="s">
        <v>163</v>
      </c>
      <c r="AD70" s="2"/>
      <c r="AE70" s="2"/>
      <c r="AF70" s="2"/>
      <c r="AG70" s="4" t="s">
        <v>13</v>
      </c>
    </row>
    <row r="71" spans="1:33" s="1" customFormat="1" ht="20.100000000000001" customHeight="1">
      <c r="A71" s="189" t="s">
        <v>32</v>
      </c>
      <c r="B71" s="190"/>
      <c r="C71" s="190"/>
      <c r="D71" s="190"/>
      <c r="E71" s="191"/>
      <c r="F71" s="495" t="s">
        <v>54</v>
      </c>
      <c r="G71" s="496"/>
      <c r="H71" s="496"/>
      <c r="I71" s="496"/>
      <c r="J71" s="496"/>
      <c r="K71" s="496"/>
      <c r="L71" s="496"/>
      <c r="M71" s="496"/>
      <c r="N71" s="496"/>
      <c r="O71" s="496"/>
      <c r="P71" s="496"/>
      <c r="Q71" s="496"/>
      <c r="R71" s="496"/>
      <c r="S71" s="496"/>
      <c r="T71" s="496"/>
      <c r="U71" s="639"/>
      <c r="V71" s="495" t="s">
        <v>69</v>
      </c>
      <c r="W71" s="496"/>
      <c r="X71" s="496"/>
      <c r="Y71" s="496"/>
      <c r="Z71" s="496"/>
      <c r="AA71" s="496"/>
      <c r="AB71" s="496"/>
      <c r="AC71" s="496"/>
      <c r="AD71" s="496"/>
      <c r="AE71" s="496"/>
      <c r="AF71" s="496"/>
      <c r="AG71" s="497"/>
    </row>
    <row r="72" spans="1:33" s="1" customFormat="1" ht="15.95" customHeight="1">
      <c r="A72" s="208"/>
      <c r="B72" s="209"/>
      <c r="C72" s="209"/>
      <c r="D72" s="209"/>
      <c r="E72" s="210"/>
      <c r="F72" s="545" t="s">
        <v>70</v>
      </c>
      <c r="G72" s="546"/>
      <c r="H72" s="546"/>
      <c r="I72" s="547"/>
      <c r="J72" s="671" t="s">
        <v>179</v>
      </c>
      <c r="K72" s="672"/>
      <c r="L72" s="672"/>
      <c r="M72" s="673"/>
      <c r="N72" s="671" t="s">
        <v>180</v>
      </c>
      <c r="O72" s="672"/>
      <c r="P72" s="672"/>
      <c r="Q72" s="673"/>
      <c r="R72" s="500" t="s">
        <v>71</v>
      </c>
      <c r="S72" s="501"/>
      <c r="T72" s="501"/>
      <c r="U72" s="502"/>
      <c r="V72" s="500" t="s">
        <v>70</v>
      </c>
      <c r="W72" s="501"/>
      <c r="X72" s="501"/>
      <c r="Y72" s="502"/>
      <c r="Z72" s="500" t="s">
        <v>72</v>
      </c>
      <c r="AA72" s="501"/>
      <c r="AB72" s="501"/>
      <c r="AC72" s="502"/>
      <c r="AD72" s="500" t="s">
        <v>73</v>
      </c>
      <c r="AE72" s="501"/>
      <c r="AF72" s="501"/>
      <c r="AG72" s="669"/>
    </row>
    <row r="73" spans="1:33" s="1" customFormat="1" ht="15.95" customHeight="1">
      <c r="A73" s="138" t="s">
        <v>31</v>
      </c>
      <c r="B73" s="139"/>
      <c r="C73" s="139"/>
      <c r="D73" s="139"/>
      <c r="E73" s="140"/>
      <c r="F73" s="522"/>
      <c r="G73" s="523"/>
      <c r="H73" s="523"/>
      <c r="I73" s="524"/>
      <c r="J73" s="104"/>
      <c r="K73" s="105"/>
      <c r="L73" s="105"/>
      <c r="M73" s="674"/>
      <c r="N73" s="104"/>
      <c r="O73" s="105"/>
      <c r="P73" s="105"/>
      <c r="Q73" s="674"/>
      <c r="R73" s="503"/>
      <c r="S73" s="504"/>
      <c r="T73" s="504"/>
      <c r="U73" s="505"/>
      <c r="V73" s="503"/>
      <c r="W73" s="504"/>
      <c r="X73" s="504"/>
      <c r="Y73" s="505"/>
      <c r="Z73" s="503"/>
      <c r="AA73" s="504"/>
      <c r="AB73" s="504"/>
      <c r="AC73" s="505"/>
      <c r="AD73" s="503"/>
      <c r="AE73" s="504"/>
      <c r="AF73" s="504"/>
      <c r="AG73" s="670"/>
    </row>
    <row r="74" spans="1:33" s="1" customFormat="1" ht="20.100000000000001" customHeight="1">
      <c r="A74" s="205">
        <v>4</v>
      </c>
      <c r="B74" s="206"/>
      <c r="C74" s="206"/>
      <c r="D74" s="206"/>
      <c r="E74" s="207"/>
      <c r="F74" s="486">
        <v>13607</v>
      </c>
      <c r="G74" s="487"/>
      <c r="H74" s="487"/>
      <c r="I74" s="487"/>
      <c r="J74" s="487">
        <v>7857</v>
      </c>
      <c r="K74" s="487"/>
      <c r="L74" s="487"/>
      <c r="M74" s="487"/>
      <c r="N74" s="487">
        <v>5653</v>
      </c>
      <c r="O74" s="487"/>
      <c r="P74" s="487"/>
      <c r="Q74" s="487"/>
      <c r="R74" s="487">
        <v>97</v>
      </c>
      <c r="S74" s="487"/>
      <c r="T74" s="487"/>
      <c r="U74" s="487"/>
      <c r="V74" s="487">
        <v>3913</v>
      </c>
      <c r="W74" s="487"/>
      <c r="X74" s="487"/>
      <c r="Y74" s="487"/>
      <c r="Z74" s="487">
        <v>658</v>
      </c>
      <c r="AA74" s="487"/>
      <c r="AB74" s="487"/>
      <c r="AC74" s="487"/>
      <c r="AD74" s="487">
        <v>3255</v>
      </c>
      <c r="AE74" s="487"/>
      <c r="AF74" s="487"/>
      <c r="AG74" s="653"/>
    </row>
    <row r="75" spans="1:33" s="28" customFormat="1" ht="20.100000000000001" customHeight="1">
      <c r="A75" s="611">
        <v>5</v>
      </c>
      <c r="B75" s="612"/>
      <c r="C75" s="612"/>
      <c r="D75" s="612"/>
      <c r="E75" s="613"/>
      <c r="F75" s="486">
        <v>13455</v>
      </c>
      <c r="G75" s="487"/>
      <c r="H75" s="487"/>
      <c r="I75" s="487"/>
      <c r="J75" s="535">
        <v>7899</v>
      </c>
      <c r="K75" s="535"/>
      <c r="L75" s="535"/>
      <c r="M75" s="535"/>
      <c r="N75" s="535">
        <v>5449</v>
      </c>
      <c r="O75" s="535"/>
      <c r="P75" s="535"/>
      <c r="Q75" s="535"/>
      <c r="R75" s="535">
        <v>107</v>
      </c>
      <c r="S75" s="535"/>
      <c r="T75" s="535"/>
      <c r="U75" s="535"/>
      <c r="V75" s="487">
        <v>3885</v>
      </c>
      <c r="W75" s="487"/>
      <c r="X75" s="487"/>
      <c r="Y75" s="487"/>
      <c r="Z75" s="535">
        <v>649</v>
      </c>
      <c r="AA75" s="535"/>
      <c r="AB75" s="535"/>
      <c r="AC75" s="535"/>
      <c r="AD75" s="535">
        <v>3236</v>
      </c>
      <c r="AE75" s="535"/>
      <c r="AF75" s="535"/>
      <c r="AG75" s="666"/>
    </row>
    <row r="76" spans="1:33" s="16" customFormat="1" ht="20.100000000000001" customHeight="1">
      <c r="A76" s="608">
        <v>6</v>
      </c>
      <c r="B76" s="609"/>
      <c r="C76" s="609"/>
      <c r="D76" s="609"/>
      <c r="E76" s="610"/>
      <c r="F76" s="598">
        <v>13138</v>
      </c>
      <c r="G76" s="599"/>
      <c r="H76" s="599"/>
      <c r="I76" s="599"/>
      <c r="J76" s="485">
        <v>7800</v>
      </c>
      <c r="K76" s="485"/>
      <c r="L76" s="485"/>
      <c r="M76" s="485"/>
      <c r="N76" s="485">
        <v>5211</v>
      </c>
      <c r="O76" s="485"/>
      <c r="P76" s="485"/>
      <c r="Q76" s="485"/>
      <c r="R76" s="485">
        <v>127</v>
      </c>
      <c r="S76" s="485"/>
      <c r="T76" s="485"/>
      <c r="U76" s="485"/>
      <c r="V76" s="599">
        <v>3743</v>
      </c>
      <c r="W76" s="599"/>
      <c r="X76" s="599"/>
      <c r="Y76" s="599"/>
      <c r="Z76" s="485">
        <v>669</v>
      </c>
      <c r="AA76" s="485"/>
      <c r="AB76" s="485"/>
      <c r="AC76" s="485"/>
      <c r="AD76" s="485">
        <v>3074</v>
      </c>
      <c r="AE76" s="485"/>
      <c r="AF76" s="485"/>
      <c r="AG76" s="568"/>
    </row>
    <row r="77" spans="1:33" s="1" customFormat="1" ht="13.5" customHeight="1">
      <c r="A77" s="5"/>
      <c r="B77" s="5"/>
      <c r="C77" s="5"/>
      <c r="D77" s="5"/>
      <c r="E77" s="5"/>
      <c r="F77" s="34"/>
      <c r="G77" s="34"/>
      <c r="H77" s="34"/>
      <c r="I77" s="34"/>
      <c r="J77" s="34"/>
      <c r="K77" s="34"/>
      <c r="L77" s="34"/>
      <c r="M77" s="34"/>
      <c r="N77" s="34"/>
      <c r="O77" s="34"/>
      <c r="P77" s="34"/>
      <c r="Q77" s="34"/>
      <c r="R77" s="34"/>
      <c r="S77" s="34"/>
      <c r="T77" s="34"/>
      <c r="U77" s="34"/>
      <c r="V77" s="34"/>
      <c r="W77" s="34"/>
      <c r="X77" s="34"/>
      <c r="Y77" s="34"/>
      <c r="Z77" s="34"/>
      <c r="AA77" s="3"/>
      <c r="AB77" s="3"/>
      <c r="AC77" s="3"/>
      <c r="AD77" s="3"/>
      <c r="AE77" s="3"/>
      <c r="AF77" s="3"/>
      <c r="AG77" s="24" t="s">
        <v>181</v>
      </c>
    </row>
    <row r="78" spans="1:33" s="1" customFormat="1" ht="13.5" customHeight="1">
      <c r="A78" s="5"/>
      <c r="B78" s="5"/>
      <c r="C78" s="5"/>
      <c r="D78" s="5"/>
      <c r="E78" s="5"/>
      <c r="F78" s="34"/>
      <c r="G78" s="34"/>
      <c r="H78" s="34"/>
      <c r="I78" s="34"/>
      <c r="J78" s="34"/>
      <c r="K78" s="34"/>
      <c r="L78" s="34"/>
      <c r="M78" s="34"/>
      <c r="N78" s="34"/>
      <c r="O78" s="34"/>
      <c r="P78" s="34"/>
      <c r="Q78" s="34"/>
      <c r="R78" s="34"/>
      <c r="S78" s="34"/>
      <c r="T78" s="34"/>
      <c r="U78" s="34"/>
      <c r="V78" s="34"/>
      <c r="W78" s="34"/>
      <c r="X78" s="34"/>
      <c r="Y78" s="34"/>
      <c r="Z78" s="34"/>
      <c r="AA78" s="3"/>
      <c r="AB78" s="3"/>
      <c r="AC78" s="3"/>
      <c r="AD78" s="3"/>
      <c r="AE78" s="3"/>
      <c r="AF78" s="3"/>
      <c r="AG78" s="24"/>
    </row>
    <row r="79" spans="1:33" s="1" customFormat="1" ht="20.100000000000001" customHeight="1">
      <c r="A79" s="188" t="s">
        <v>14</v>
      </c>
      <c r="B79" s="188"/>
      <c r="C79" s="188"/>
      <c r="D79" s="188"/>
      <c r="E79" s="188"/>
      <c r="F79" s="188"/>
      <c r="G79" s="188"/>
      <c r="H79" s="188"/>
      <c r="I79" s="188"/>
      <c r="J79" s="188"/>
      <c r="K79" s="188"/>
      <c r="L79" s="188"/>
      <c r="M79" s="188"/>
      <c r="N79" s="188"/>
      <c r="O79" s="188"/>
      <c r="P79" s="188"/>
      <c r="Q79" s="188"/>
      <c r="R79" s="188"/>
      <c r="S79" s="188"/>
      <c r="T79" s="188"/>
      <c r="U79" s="188"/>
      <c r="V79" s="188"/>
      <c r="W79" s="188"/>
      <c r="X79" s="188"/>
      <c r="Y79" s="188"/>
      <c r="Z79" s="188"/>
      <c r="AA79" s="188"/>
      <c r="AB79" s="188"/>
      <c r="AC79" s="188"/>
      <c r="AD79" s="188"/>
      <c r="AE79" s="188"/>
      <c r="AF79" s="188"/>
      <c r="AG79" s="188"/>
    </row>
    <row r="80" spans="1:33" s="1" customFormat="1" ht="15.95" customHeight="1">
      <c r="A80" s="22"/>
      <c r="B80" s="22"/>
      <c r="C80" s="22"/>
      <c r="D80" s="22"/>
      <c r="E80" s="22"/>
      <c r="F80" s="22"/>
      <c r="G80" s="22"/>
      <c r="H80" s="22"/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2"/>
      <c r="T80" s="22"/>
      <c r="U80" s="22"/>
      <c r="V80" s="22"/>
      <c r="W80" s="22"/>
      <c r="X80" s="22"/>
      <c r="Y80" s="22"/>
      <c r="Z80" s="22"/>
      <c r="AA80" s="22"/>
      <c r="AB80" s="22"/>
      <c r="AC80" s="22"/>
      <c r="AD80" s="22"/>
      <c r="AE80" s="22"/>
      <c r="AF80" s="22"/>
      <c r="AG80" s="22"/>
    </row>
    <row r="81" spans="1:53" s="5" customFormat="1" ht="20.100000000000001" customHeight="1">
      <c r="A81" s="18" t="s">
        <v>206</v>
      </c>
    </row>
    <row r="82" spans="1:53" s="1" customFormat="1" ht="15.95" customHeight="1">
      <c r="B82" s="6" t="s">
        <v>163</v>
      </c>
      <c r="AD82" s="2"/>
      <c r="AE82" s="2"/>
      <c r="AF82" s="2"/>
      <c r="AG82" s="4" t="s">
        <v>182</v>
      </c>
    </row>
    <row r="83" spans="1:53" s="1" customFormat="1" ht="15.75" customHeight="1">
      <c r="A83" s="189" t="s">
        <v>32</v>
      </c>
      <c r="B83" s="190"/>
      <c r="C83" s="190"/>
      <c r="D83" s="190"/>
      <c r="E83" s="191"/>
      <c r="F83" s="132" t="s">
        <v>74</v>
      </c>
      <c r="G83" s="133"/>
      <c r="H83" s="134"/>
      <c r="I83" s="688" t="s">
        <v>75</v>
      </c>
      <c r="J83" s="689"/>
      <c r="K83" s="689"/>
      <c r="L83" s="689"/>
      <c r="M83" s="689"/>
      <c r="N83" s="689"/>
      <c r="O83" s="689"/>
      <c r="P83" s="689"/>
      <c r="Q83" s="689"/>
      <c r="R83" s="689"/>
      <c r="S83" s="689"/>
      <c r="T83" s="689"/>
      <c r="U83" s="689"/>
      <c r="V83" s="689"/>
      <c r="W83" s="689"/>
      <c r="X83" s="689"/>
      <c r="Y83" s="689"/>
      <c r="Z83" s="689"/>
      <c r="AA83" s="690"/>
      <c r="AB83" s="684" t="s">
        <v>76</v>
      </c>
      <c r="AC83" s="685"/>
      <c r="AD83" s="685"/>
      <c r="AE83" s="685"/>
      <c r="AF83" s="685"/>
      <c r="AG83" s="686"/>
    </row>
    <row r="84" spans="1:53" s="1" customFormat="1" ht="15.75" customHeight="1">
      <c r="A84" s="138" t="s">
        <v>31</v>
      </c>
      <c r="B84" s="139"/>
      <c r="C84" s="139"/>
      <c r="D84" s="139"/>
      <c r="E84" s="140"/>
      <c r="F84" s="135"/>
      <c r="G84" s="136"/>
      <c r="H84" s="137"/>
      <c r="I84" s="657" t="s">
        <v>70</v>
      </c>
      <c r="J84" s="658"/>
      <c r="K84" s="658"/>
      <c r="L84" s="659"/>
      <c r="M84" s="230" t="s">
        <v>77</v>
      </c>
      <c r="N84" s="231"/>
      <c r="O84" s="232"/>
      <c r="P84" s="230" t="s">
        <v>78</v>
      </c>
      <c r="Q84" s="231"/>
      <c r="R84" s="232"/>
      <c r="S84" s="230" t="s">
        <v>79</v>
      </c>
      <c r="T84" s="231"/>
      <c r="U84" s="232"/>
      <c r="V84" s="426" t="s">
        <v>209</v>
      </c>
      <c r="W84" s="427"/>
      <c r="X84" s="428"/>
      <c r="Y84" s="426" t="s">
        <v>210</v>
      </c>
      <c r="Z84" s="427"/>
      <c r="AA84" s="428"/>
      <c r="AB84" s="426" t="s">
        <v>82</v>
      </c>
      <c r="AC84" s="427"/>
      <c r="AD84" s="428"/>
      <c r="AE84" s="426" t="s">
        <v>83</v>
      </c>
      <c r="AF84" s="427"/>
      <c r="AG84" s="677"/>
    </row>
    <row r="85" spans="1:53" s="1" customFormat="1" ht="20.100000000000001" customHeight="1">
      <c r="A85" s="205">
        <v>4</v>
      </c>
      <c r="B85" s="206"/>
      <c r="C85" s="206"/>
      <c r="D85" s="206"/>
      <c r="E85" s="207"/>
      <c r="F85" s="499">
        <v>140</v>
      </c>
      <c r="G85" s="499"/>
      <c r="H85" s="211"/>
      <c r="I85" s="617">
        <v>140</v>
      </c>
      <c r="J85" s="618"/>
      <c r="K85" s="618"/>
      <c r="L85" s="160"/>
      <c r="M85" s="498">
        <v>27</v>
      </c>
      <c r="N85" s="499"/>
      <c r="O85" s="211"/>
      <c r="P85" s="498">
        <v>34</v>
      </c>
      <c r="Q85" s="499"/>
      <c r="R85" s="211"/>
      <c r="S85" s="498">
        <v>31</v>
      </c>
      <c r="T85" s="499"/>
      <c r="U85" s="211"/>
      <c r="V85" s="498">
        <v>26</v>
      </c>
      <c r="W85" s="499"/>
      <c r="X85" s="211"/>
      <c r="Y85" s="498">
        <v>22</v>
      </c>
      <c r="Z85" s="499"/>
      <c r="AA85" s="211"/>
      <c r="AB85" s="488">
        <v>4.3</v>
      </c>
      <c r="AC85" s="489"/>
      <c r="AD85" s="675"/>
      <c r="AE85" s="488">
        <v>5.3</v>
      </c>
      <c r="AF85" s="489"/>
      <c r="AG85" s="490"/>
    </row>
    <row r="86" spans="1:53" s="1" customFormat="1" ht="20.100000000000001" customHeight="1">
      <c r="A86" s="611">
        <v>5</v>
      </c>
      <c r="B86" s="612"/>
      <c r="C86" s="612"/>
      <c r="D86" s="612"/>
      <c r="E86" s="613"/>
      <c r="F86" s="499">
        <v>140</v>
      </c>
      <c r="G86" s="499"/>
      <c r="H86" s="211"/>
      <c r="I86" s="617">
        <v>138</v>
      </c>
      <c r="J86" s="618"/>
      <c r="K86" s="618"/>
      <c r="L86" s="160"/>
      <c r="M86" s="498">
        <v>27</v>
      </c>
      <c r="N86" s="499"/>
      <c r="O86" s="211"/>
      <c r="P86" s="498">
        <v>34</v>
      </c>
      <c r="Q86" s="499"/>
      <c r="R86" s="211"/>
      <c r="S86" s="498">
        <v>30</v>
      </c>
      <c r="T86" s="499"/>
      <c r="U86" s="211"/>
      <c r="V86" s="498">
        <v>26</v>
      </c>
      <c r="W86" s="499"/>
      <c r="X86" s="211"/>
      <c r="Y86" s="498">
        <v>21</v>
      </c>
      <c r="Z86" s="499"/>
      <c r="AA86" s="211"/>
      <c r="AB86" s="488">
        <v>4.3</v>
      </c>
      <c r="AC86" s="489"/>
      <c r="AD86" s="675"/>
      <c r="AE86" s="488">
        <v>5.2</v>
      </c>
      <c r="AF86" s="489"/>
      <c r="AG86" s="490"/>
    </row>
    <row r="87" spans="1:53" s="16" customFormat="1" ht="20.100000000000001" customHeight="1">
      <c r="A87" s="891">
        <v>6</v>
      </c>
      <c r="B87" s="892"/>
      <c r="C87" s="892"/>
      <c r="D87" s="892"/>
      <c r="E87" s="892"/>
      <c r="F87" s="491">
        <v>140</v>
      </c>
      <c r="G87" s="203"/>
      <c r="H87" s="203"/>
      <c r="I87" s="619">
        <v>138</v>
      </c>
      <c r="J87" s="619"/>
      <c r="K87" s="619"/>
      <c r="L87" s="619"/>
      <c r="M87" s="203">
        <v>27</v>
      </c>
      <c r="N87" s="203"/>
      <c r="O87" s="203"/>
      <c r="P87" s="203">
        <v>34</v>
      </c>
      <c r="Q87" s="203"/>
      <c r="R87" s="203"/>
      <c r="S87" s="203">
        <v>30</v>
      </c>
      <c r="T87" s="203"/>
      <c r="U87" s="203"/>
      <c r="V87" s="203">
        <v>25</v>
      </c>
      <c r="W87" s="203"/>
      <c r="X87" s="203"/>
      <c r="Y87" s="203">
        <v>22</v>
      </c>
      <c r="Z87" s="203"/>
      <c r="AA87" s="203"/>
      <c r="AB87" s="678">
        <v>4.3405797101449277</v>
      </c>
      <c r="AC87" s="678"/>
      <c r="AD87" s="678"/>
      <c r="AE87" s="678">
        <v>5.1811594202898554</v>
      </c>
      <c r="AF87" s="678"/>
      <c r="AG87" s="679"/>
    </row>
    <row r="88" spans="1:53" s="7" customFormat="1" ht="13.5" customHeight="1">
      <c r="A88" s="13" t="s">
        <v>275</v>
      </c>
      <c r="B88" s="8"/>
      <c r="C88" s="8"/>
      <c r="D88" s="8"/>
      <c r="E88" s="8"/>
      <c r="J88" s="3"/>
      <c r="K88" s="3"/>
      <c r="M88" s="8"/>
      <c r="N88" s="8"/>
      <c r="O88" s="20"/>
      <c r="P88" s="8"/>
      <c r="Q88" s="8"/>
      <c r="R88" s="8"/>
      <c r="S88" s="8"/>
      <c r="T88" s="8"/>
      <c r="U88" s="8"/>
      <c r="V88" s="8"/>
      <c r="W88" s="8"/>
      <c r="X88" s="8"/>
      <c r="Y88" s="8"/>
      <c r="Z88" s="8"/>
      <c r="AB88" s="3"/>
      <c r="AC88" s="3"/>
      <c r="AD88" s="3"/>
      <c r="AE88" s="3"/>
      <c r="AF88" s="3"/>
      <c r="AG88" s="3" t="s">
        <v>183</v>
      </c>
    </row>
    <row r="89" spans="1:53" s="7" customFormat="1" ht="13.5" customHeight="1">
      <c r="A89" s="25" t="s">
        <v>276</v>
      </c>
      <c r="B89" s="8"/>
      <c r="C89" s="8"/>
      <c r="D89" s="8"/>
      <c r="E89" s="8"/>
      <c r="J89" s="3"/>
      <c r="K89" s="3"/>
      <c r="M89" s="8"/>
      <c r="N89" s="8"/>
      <c r="O89" s="20"/>
      <c r="P89" s="8"/>
      <c r="Q89" s="8"/>
      <c r="R89" s="8"/>
      <c r="S89" s="8"/>
      <c r="T89" s="8"/>
      <c r="U89" s="8"/>
      <c r="V89" s="8"/>
      <c r="W89" s="8"/>
      <c r="X89" s="8"/>
      <c r="Y89" s="8"/>
      <c r="Z89" s="8"/>
      <c r="AB89" s="3"/>
      <c r="AC89" s="3"/>
      <c r="AD89" s="3"/>
      <c r="AE89" s="3"/>
      <c r="AF89" s="3"/>
      <c r="AG89" s="3"/>
    </row>
    <row r="90" spans="1:53" s="1" customFormat="1" ht="15.95" customHeight="1">
      <c r="A90" s="7"/>
      <c r="B90" s="9"/>
      <c r="C90" s="9"/>
      <c r="D90" s="9"/>
      <c r="E90" s="9"/>
      <c r="J90" s="2"/>
      <c r="K90" s="2"/>
      <c r="M90" s="9"/>
      <c r="N90" s="9"/>
      <c r="O90" s="9"/>
      <c r="P90" s="9"/>
      <c r="Q90" s="9"/>
      <c r="R90" s="9"/>
      <c r="S90" s="9"/>
      <c r="T90" s="9"/>
      <c r="U90" s="9"/>
      <c r="V90" s="9"/>
      <c r="W90" s="9"/>
      <c r="X90" s="9"/>
      <c r="Y90" s="9"/>
      <c r="Z90" s="9"/>
      <c r="AA90" s="2"/>
      <c r="AB90" s="2"/>
      <c r="AC90" s="2"/>
      <c r="AD90" s="2"/>
      <c r="AE90" s="2"/>
      <c r="AF90" s="2"/>
      <c r="AG90" s="2"/>
    </row>
    <row r="91" spans="1:53" s="5" customFormat="1" ht="20.100000000000001" customHeight="1">
      <c r="A91" s="18" t="s">
        <v>164</v>
      </c>
      <c r="AC91" s="19"/>
      <c r="AD91" s="19"/>
      <c r="AE91" s="19"/>
      <c r="AF91" s="19"/>
      <c r="AG91" s="19"/>
    </row>
    <row r="92" spans="1:53" s="1" customFormat="1" ht="15.75" customHeight="1">
      <c r="A92" s="189" t="s">
        <v>31</v>
      </c>
      <c r="B92" s="190"/>
      <c r="C92" s="190"/>
      <c r="D92" s="190"/>
      <c r="E92" s="190"/>
      <c r="F92" s="190"/>
      <c r="G92" s="190"/>
      <c r="H92" s="190"/>
      <c r="I92" s="191"/>
      <c r="J92" s="192">
        <v>4</v>
      </c>
      <c r="K92" s="193"/>
      <c r="L92" s="193"/>
      <c r="M92" s="193"/>
      <c r="N92" s="193"/>
      <c r="O92" s="193"/>
      <c r="P92" s="193"/>
      <c r="Q92" s="194"/>
      <c r="R92" s="192">
        <v>5</v>
      </c>
      <c r="S92" s="193"/>
      <c r="T92" s="193"/>
      <c r="U92" s="193"/>
      <c r="V92" s="193"/>
      <c r="W92" s="193"/>
      <c r="X92" s="193"/>
      <c r="Y92" s="194"/>
      <c r="Z92" s="198">
        <v>6</v>
      </c>
      <c r="AA92" s="198"/>
      <c r="AB92" s="198"/>
      <c r="AC92" s="198"/>
      <c r="AD92" s="198"/>
      <c r="AE92" s="198"/>
      <c r="AF92" s="198"/>
      <c r="AG92" s="199"/>
    </row>
    <row r="93" spans="1:53" s="1" customFormat="1" ht="15.75" customHeight="1">
      <c r="A93" s="138" t="s">
        <v>32</v>
      </c>
      <c r="B93" s="139"/>
      <c r="C93" s="139"/>
      <c r="D93" s="139"/>
      <c r="E93" s="139"/>
      <c r="F93" s="139"/>
      <c r="G93" s="139"/>
      <c r="H93" s="139"/>
      <c r="I93" s="140"/>
      <c r="J93" s="195"/>
      <c r="K93" s="196"/>
      <c r="L93" s="196"/>
      <c r="M93" s="196"/>
      <c r="N93" s="196"/>
      <c r="O93" s="196"/>
      <c r="P93" s="196"/>
      <c r="Q93" s="197"/>
      <c r="R93" s="195"/>
      <c r="S93" s="196"/>
      <c r="T93" s="196"/>
      <c r="U93" s="196"/>
      <c r="V93" s="196"/>
      <c r="W93" s="196"/>
      <c r="X93" s="196"/>
      <c r="Y93" s="197"/>
      <c r="Z93" s="200"/>
      <c r="AA93" s="200"/>
      <c r="AB93" s="200"/>
      <c r="AC93" s="200"/>
      <c r="AD93" s="200"/>
      <c r="AE93" s="200"/>
      <c r="AF93" s="200"/>
      <c r="AG93" s="201"/>
    </row>
    <row r="94" spans="1:53" s="28" customFormat="1" ht="15.95" customHeight="1">
      <c r="A94" s="245" t="s">
        <v>84</v>
      </c>
      <c r="B94" s="112"/>
      <c r="C94" s="112"/>
      <c r="D94" s="112"/>
      <c r="E94" s="112"/>
      <c r="F94" s="112"/>
      <c r="G94" s="596" t="s">
        <v>0</v>
      </c>
      <c r="H94" s="596"/>
      <c r="I94" s="597"/>
      <c r="J94" s="506">
        <v>601</v>
      </c>
      <c r="K94" s="506"/>
      <c r="L94" s="506"/>
      <c r="M94" s="506"/>
      <c r="N94" s="506"/>
      <c r="O94" s="506"/>
      <c r="P94" s="506"/>
      <c r="Q94" s="506"/>
      <c r="R94" s="506">
        <v>604</v>
      </c>
      <c r="S94" s="506"/>
      <c r="T94" s="506"/>
      <c r="U94" s="506"/>
      <c r="V94" s="506"/>
      <c r="W94" s="506"/>
      <c r="X94" s="506"/>
      <c r="Y94" s="506"/>
      <c r="Z94" s="655">
        <v>599</v>
      </c>
      <c r="AA94" s="655"/>
      <c r="AB94" s="655"/>
      <c r="AC94" s="655"/>
      <c r="AD94" s="655"/>
      <c r="AE94" s="655"/>
      <c r="AF94" s="655"/>
      <c r="AG94" s="656"/>
      <c r="AM94" s="1"/>
      <c r="AN94" s="1"/>
      <c r="AO94" s="1"/>
      <c r="AP94" s="1"/>
      <c r="AQ94" s="1"/>
      <c r="AR94" s="1"/>
      <c r="AS94" s="1"/>
      <c r="AT94" s="1"/>
      <c r="AU94" s="1"/>
      <c r="AV94" s="1"/>
      <c r="AW94" s="1"/>
      <c r="AX94" s="1"/>
      <c r="AY94" s="1"/>
      <c r="AZ94" s="1"/>
      <c r="BA94" s="1"/>
    </row>
    <row r="95" spans="1:53" s="1" customFormat="1" ht="15.95" customHeight="1">
      <c r="A95" s="293" t="s">
        <v>85</v>
      </c>
      <c r="B95" s="163"/>
      <c r="C95" s="163"/>
      <c r="D95" s="163"/>
      <c r="E95" s="163"/>
      <c r="F95" s="163"/>
      <c r="G95" s="209" t="s">
        <v>1</v>
      </c>
      <c r="H95" s="209"/>
      <c r="I95" s="210"/>
      <c r="J95" s="141">
        <v>739</v>
      </c>
      <c r="K95" s="141"/>
      <c r="L95" s="141"/>
      <c r="M95" s="141"/>
      <c r="N95" s="141"/>
      <c r="O95" s="141"/>
      <c r="P95" s="141"/>
      <c r="Q95" s="141"/>
      <c r="R95" s="141">
        <v>742</v>
      </c>
      <c r="S95" s="141"/>
      <c r="T95" s="141"/>
      <c r="U95" s="141"/>
      <c r="V95" s="141"/>
      <c r="W95" s="141"/>
      <c r="X95" s="141"/>
      <c r="Y95" s="141"/>
      <c r="Z95" s="107">
        <v>715</v>
      </c>
      <c r="AA95" s="107"/>
      <c r="AB95" s="107"/>
      <c r="AC95" s="107"/>
      <c r="AD95" s="107"/>
      <c r="AE95" s="107"/>
      <c r="AF95" s="107"/>
      <c r="AG95" s="108"/>
      <c r="AM95" s="35"/>
      <c r="AN95" s="35"/>
      <c r="AO95" s="35"/>
      <c r="AP95" s="35"/>
      <c r="AQ95" s="35"/>
      <c r="AR95" s="35"/>
      <c r="AS95" s="35"/>
      <c r="AT95" s="35"/>
      <c r="AU95" s="35"/>
      <c r="AV95" s="35"/>
      <c r="AW95" s="35"/>
      <c r="AX95" s="35"/>
      <c r="AY95" s="35"/>
      <c r="AZ95" s="35"/>
      <c r="BA95" s="35"/>
    </row>
    <row r="96" spans="1:53" s="1" customFormat="1" ht="15.95" customHeight="1">
      <c r="A96" s="292" t="s">
        <v>86</v>
      </c>
      <c r="B96" s="144"/>
      <c r="C96" s="144"/>
      <c r="D96" s="144"/>
      <c r="E96" s="144"/>
      <c r="F96" s="144"/>
      <c r="G96" s="139" t="s">
        <v>2</v>
      </c>
      <c r="H96" s="139"/>
      <c r="I96" s="140"/>
      <c r="J96" s="654">
        <v>10</v>
      </c>
      <c r="K96" s="654"/>
      <c r="L96" s="654"/>
      <c r="M96" s="654"/>
      <c r="N96" s="654"/>
      <c r="O96" s="654"/>
      <c r="P96" s="654"/>
      <c r="Q96" s="654"/>
      <c r="R96" s="654">
        <v>9.9</v>
      </c>
      <c r="S96" s="654"/>
      <c r="T96" s="654"/>
      <c r="U96" s="654"/>
      <c r="V96" s="654"/>
      <c r="W96" s="654"/>
      <c r="X96" s="654"/>
      <c r="Y96" s="654"/>
      <c r="Z96" s="667">
        <v>9.6</v>
      </c>
      <c r="AA96" s="667"/>
      <c r="AB96" s="667"/>
      <c r="AC96" s="667"/>
      <c r="AD96" s="667"/>
      <c r="AE96" s="667"/>
      <c r="AF96" s="667"/>
      <c r="AG96" s="668"/>
      <c r="AK96" s="36"/>
    </row>
    <row r="97" spans="1:33" s="1" customFormat="1" ht="15.95" customHeight="1">
      <c r="A97" s="742" t="s">
        <v>184</v>
      </c>
      <c r="B97" s="743"/>
      <c r="C97" s="889" t="s">
        <v>88</v>
      </c>
      <c r="D97" s="890"/>
      <c r="E97" s="890"/>
      <c r="F97" s="890"/>
      <c r="G97" s="890"/>
      <c r="H97" s="890"/>
      <c r="I97" s="11"/>
      <c r="J97" s="660">
        <v>1182494</v>
      </c>
      <c r="K97" s="660"/>
      <c r="L97" s="660"/>
      <c r="M97" s="660"/>
      <c r="N97" s="660"/>
      <c r="O97" s="660"/>
      <c r="P97" s="660"/>
      <c r="Q97" s="660"/>
      <c r="R97" s="660">
        <v>1215034</v>
      </c>
      <c r="S97" s="660"/>
      <c r="T97" s="660"/>
      <c r="U97" s="660"/>
      <c r="V97" s="660"/>
      <c r="W97" s="660"/>
      <c r="X97" s="660"/>
      <c r="Y97" s="660"/>
      <c r="Z97" s="651">
        <v>1189734</v>
      </c>
      <c r="AA97" s="651"/>
      <c r="AB97" s="651"/>
      <c r="AC97" s="651"/>
      <c r="AD97" s="651"/>
      <c r="AE97" s="651"/>
      <c r="AF97" s="651"/>
      <c r="AG97" s="652"/>
    </row>
    <row r="98" spans="1:33" s="1" customFormat="1" ht="15.95" customHeight="1">
      <c r="A98" s="744"/>
      <c r="B98" s="745"/>
      <c r="C98" s="10"/>
      <c r="D98" s="715" t="s">
        <v>89</v>
      </c>
      <c r="E98" s="715"/>
      <c r="F98" s="715"/>
      <c r="G98" s="715"/>
      <c r="H98" s="715"/>
      <c r="I98" s="11"/>
      <c r="J98" s="141">
        <v>357496</v>
      </c>
      <c r="K98" s="141"/>
      <c r="L98" s="141"/>
      <c r="M98" s="141"/>
      <c r="N98" s="141"/>
      <c r="O98" s="141"/>
      <c r="P98" s="141"/>
      <c r="Q98" s="141"/>
      <c r="R98" s="141">
        <v>359496</v>
      </c>
      <c r="S98" s="141"/>
      <c r="T98" s="141"/>
      <c r="U98" s="141"/>
      <c r="V98" s="141"/>
      <c r="W98" s="141"/>
      <c r="X98" s="141"/>
      <c r="Y98" s="141"/>
      <c r="Z98" s="107">
        <v>353070</v>
      </c>
      <c r="AA98" s="107"/>
      <c r="AB98" s="107"/>
      <c r="AC98" s="107"/>
      <c r="AD98" s="107"/>
      <c r="AE98" s="107"/>
      <c r="AF98" s="107"/>
      <c r="AG98" s="108"/>
    </row>
    <row r="99" spans="1:33" s="1" customFormat="1" ht="15.95" customHeight="1">
      <c r="A99" s="744"/>
      <c r="B99" s="745"/>
      <c r="C99" s="10"/>
      <c r="D99" s="715" t="s">
        <v>90</v>
      </c>
      <c r="E99" s="715"/>
      <c r="F99" s="715"/>
      <c r="G99" s="715"/>
      <c r="H99" s="715"/>
      <c r="I99" s="11"/>
      <c r="J99" s="141">
        <v>168454</v>
      </c>
      <c r="K99" s="141"/>
      <c r="L99" s="141"/>
      <c r="M99" s="141"/>
      <c r="N99" s="141"/>
      <c r="O99" s="141"/>
      <c r="P99" s="141"/>
      <c r="Q99" s="141"/>
      <c r="R99" s="141">
        <v>168994</v>
      </c>
      <c r="S99" s="141"/>
      <c r="T99" s="141"/>
      <c r="U99" s="141"/>
      <c r="V99" s="141"/>
      <c r="W99" s="141"/>
      <c r="X99" s="141"/>
      <c r="Y99" s="141"/>
      <c r="Z99" s="107">
        <v>173304</v>
      </c>
      <c r="AA99" s="107"/>
      <c r="AB99" s="107"/>
      <c r="AC99" s="107"/>
      <c r="AD99" s="107"/>
      <c r="AE99" s="107"/>
      <c r="AF99" s="107"/>
      <c r="AG99" s="108"/>
    </row>
    <row r="100" spans="1:33" s="1" customFormat="1" ht="15.95" customHeight="1">
      <c r="A100" s="744"/>
      <c r="B100" s="745"/>
      <c r="C100" s="10"/>
      <c r="D100" s="715" t="s">
        <v>91</v>
      </c>
      <c r="E100" s="715"/>
      <c r="F100" s="715"/>
      <c r="G100" s="715"/>
      <c r="H100" s="715"/>
      <c r="I100" s="12"/>
      <c r="J100" s="141">
        <v>2867</v>
      </c>
      <c r="K100" s="141"/>
      <c r="L100" s="141"/>
      <c r="M100" s="141"/>
      <c r="N100" s="141"/>
      <c r="O100" s="141"/>
      <c r="P100" s="141"/>
      <c r="Q100" s="141"/>
      <c r="R100" s="141">
        <v>2136</v>
      </c>
      <c r="S100" s="141"/>
      <c r="T100" s="141"/>
      <c r="U100" s="141"/>
      <c r="V100" s="141"/>
      <c r="W100" s="141"/>
      <c r="X100" s="141"/>
      <c r="Y100" s="141"/>
      <c r="Z100" s="107">
        <v>2661</v>
      </c>
      <c r="AA100" s="107"/>
      <c r="AB100" s="107"/>
      <c r="AC100" s="107"/>
      <c r="AD100" s="107"/>
      <c r="AE100" s="107"/>
      <c r="AF100" s="107"/>
      <c r="AG100" s="108"/>
    </row>
    <row r="101" spans="1:33" s="1" customFormat="1" ht="15.95" customHeight="1">
      <c r="A101" s="744"/>
      <c r="B101" s="745"/>
      <c r="C101" s="10"/>
      <c r="D101" s="715" t="s">
        <v>92</v>
      </c>
      <c r="E101" s="715"/>
      <c r="F101" s="715"/>
      <c r="G101" s="715"/>
      <c r="H101" s="715"/>
      <c r="I101" s="12"/>
      <c r="J101" s="141">
        <v>594738</v>
      </c>
      <c r="K101" s="141"/>
      <c r="L101" s="141"/>
      <c r="M101" s="141"/>
      <c r="N101" s="141"/>
      <c r="O101" s="141"/>
      <c r="P101" s="141"/>
      <c r="Q101" s="141"/>
      <c r="R101" s="141">
        <v>619985</v>
      </c>
      <c r="S101" s="141"/>
      <c r="T101" s="141"/>
      <c r="U101" s="141"/>
      <c r="V101" s="141"/>
      <c r="W101" s="141"/>
      <c r="X101" s="141"/>
      <c r="Y101" s="141"/>
      <c r="Z101" s="107">
        <v>592336</v>
      </c>
      <c r="AA101" s="107"/>
      <c r="AB101" s="107"/>
      <c r="AC101" s="107"/>
      <c r="AD101" s="107"/>
      <c r="AE101" s="107"/>
      <c r="AF101" s="107"/>
      <c r="AG101" s="108"/>
    </row>
    <row r="102" spans="1:33" s="1" customFormat="1" ht="15.95" customHeight="1">
      <c r="A102" s="744"/>
      <c r="B102" s="745"/>
      <c r="C102" s="10"/>
      <c r="D102" s="715" t="s">
        <v>93</v>
      </c>
      <c r="E102" s="715"/>
      <c r="F102" s="715"/>
      <c r="G102" s="715"/>
      <c r="H102" s="715"/>
      <c r="I102" s="12"/>
      <c r="J102" s="141">
        <v>35032</v>
      </c>
      <c r="K102" s="141"/>
      <c r="L102" s="141"/>
      <c r="M102" s="141"/>
      <c r="N102" s="141"/>
      <c r="O102" s="141"/>
      <c r="P102" s="141"/>
      <c r="Q102" s="141"/>
      <c r="R102" s="141">
        <v>36743</v>
      </c>
      <c r="S102" s="141"/>
      <c r="T102" s="141"/>
      <c r="U102" s="141"/>
      <c r="V102" s="141"/>
      <c r="W102" s="141"/>
      <c r="X102" s="141"/>
      <c r="Y102" s="141"/>
      <c r="Z102" s="107">
        <v>42214</v>
      </c>
      <c r="AA102" s="107"/>
      <c r="AB102" s="107"/>
      <c r="AC102" s="107"/>
      <c r="AD102" s="107"/>
      <c r="AE102" s="107"/>
      <c r="AF102" s="107"/>
      <c r="AG102" s="108"/>
    </row>
    <row r="103" spans="1:33" s="1" customFormat="1" ht="15.95" customHeight="1">
      <c r="A103" s="744"/>
      <c r="B103" s="745"/>
      <c r="C103" s="10"/>
      <c r="D103" s="715" t="s">
        <v>94</v>
      </c>
      <c r="E103" s="715"/>
      <c r="F103" s="715"/>
      <c r="G103" s="715"/>
      <c r="H103" s="715"/>
      <c r="I103" s="12"/>
      <c r="J103" s="738">
        <v>53</v>
      </c>
      <c r="K103" s="738"/>
      <c r="L103" s="738"/>
      <c r="M103" s="738"/>
      <c r="N103" s="738"/>
      <c r="O103" s="738"/>
      <c r="P103" s="738"/>
      <c r="Q103" s="738"/>
      <c r="R103" s="131">
        <v>4</v>
      </c>
      <c r="S103" s="131"/>
      <c r="T103" s="131"/>
      <c r="U103" s="131"/>
      <c r="V103" s="131"/>
      <c r="W103" s="131"/>
      <c r="X103" s="131"/>
      <c r="Y103" s="131"/>
      <c r="Z103" s="107">
        <v>0</v>
      </c>
      <c r="AA103" s="107"/>
      <c r="AB103" s="107"/>
      <c r="AC103" s="107"/>
      <c r="AD103" s="107"/>
      <c r="AE103" s="107"/>
      <c r="AF103" s="107"/>
      <c r="AG103" s="108"/>
    </row>
    <row r="104" spans="1:33" s="1" customFormat="1" ht="15.95" customHeight="1">
      <c r="A104" s="744"/>
      <c r="B104" s="745"/>
      <c r="C104" s="10"/>
      <c r="D104" s="715" t="s">
        <v>95</v>
      </c>
      <c r="E104" s="715"/>
      <c r="F104" s="715"/>
      <c r="G104" s="715"/>
      <c r="H104" s="715"/>
      <c r="I104" s="12"/>
      <c r="J104" s="141">
        <v>4320</v>
      </c>
      <c r="K104" s="141"/>
      <c r="L104" s="141"/>
      <c r="M104" s="141"/>
      <c r="N104" s="141"/>
      <c r="O104" s="141"/>
      <c r="P104" s="141"/>
      <c r="Q104" s="141"/>
      <c r="R104" s="141">
        <v>3783</v>
      </c>
      <c r="S104" s="141"/>
      <c r="T104" s="141"/>
      <c r="U104" s="141"/>
      <c r="V104" s="141"/>
      <c r="W104" s="141"/>
      <c r="X104" s="141"/>
      <c r="Y104" s="141"/>
      <c r="Z104" s="107">
        <v>3800</v>
      </c>
      <c r="AA104" s="107"/>
      <c r="AB104" s="107"/>
      <c r="AC104" s="107"/>
      <c r="AD104" s="107"/>
      <c r="AE104" s="107"/>
      <c r="AF104" s="107"/>
      <c r="AG104" s="108"/>
    </row>
    <row r="105" spans="1:33" s="1" customFormat="1" ht="15.95" customHeight="1">
      <c r="A105" s="744"/>
      <c r="B105" s="745"/>
      <c r="C105" s="10"/>
      <c r="D105" s="715" t="s">
        <v>96</v>
      </c>
      <c r="E105" s="715"/>
      <c r="F105" s="715"/>
      <c r="G105" s="715"/>
      <c r="H105" s="715"/>
      <c r="I105" s="12"/>
      <c r="J105" s="141">
        <v>4271</v>
      </c>
      <c r="K105" s="141"/>
      <c r="L105" s="141"/>
      <c r="M105" s="141"/>
      <c r="N105" s="141"/>
      <c r="O105" s="141"/>
      <c r="P105" s="141"/>
      <c r="Q105" s="141"/>
      <c r="R105" s="141">
        <v>3223</v>
      </c>
      <c r="S105" s="141"/>
      <c r="T105" s="141"/>
      <c r="U105" s="141"/>
      <c r="V105" s="141"/>
      <c r="W105" s="141"/>
      <c r="X105" s="141"/>
      <c r="Y105" s="141"/>
      <c r="Z105" s="107">
        <v>2270</v>
      </c>
      <c r="AA105" s="107"/>
      <c r="AB105" s="107"/>
      <c r="AC105" s="107"/>
      <c r="AD105" s="107"/>
      <c r="AE105" s="107"/>
      <c r="AF105" s="107"/>
      <c r="AG105" s="108"/>
    </row>
    <row r="106" spans="1:33" s="1" customFormat="1" ht="15.95" customHeight="1">
      <c r="A106" s="744"/>
      <c r="B106" s="745"/>
      <c r="C106" s="68"/>
      <c r="D106" s="715" t="s">
        <v>211</v>
      </c>
      <c r="E106" s="715"/>
      <c r="F106" s="715"/>
      <c r="G106" s="715"/>
      <c r="H106" s="715"/>
      <c r="I106" s="65"/>
      <c r="J106" s="141">
        <v>15140</v>
      </c>
      <c r="K106" s="141"/>
      <c r="L106" s="141"/>
      <c r="M106" s="141"/>
      <c r="N106" s="141"/>
      <c r="O106" s="141"/>
      <c r="P106" s="141"/>
      <c r="Q106" s="141"/>
      <c r="R106" s="141">
        <v>20374</v>
      </c>
      <c r="S106" s="141"/>
      <c r="T106" s="141"/>
      <c r="U106" s="141"/>
      <c r="V106" s="141"/>
      <c r="W106" s="141"/>
      <c r="X106" s="141"/>
      <c r="Y106" s="141"/>
      <c r="Z106" s="107">
        <v>18252</v>
      </c>
      <c r="AA106" s="107"/>
      <c r="AB106" s="107"/>
      <c r="AC106" s="107"/>
      <c r="AD106" s="107"/>
      <c r="AE106" s="107"/>
      <c r="AF106" s="107"/>
      <c r="AG106" s="108"/>
    </row>
    <row r="107" spans="1:33" s="1" customFormat="1" ht="15.95" customHeight="1">
      <c r="A107" s="744"/>
      <c r="B107" s="745"/>
      <c r="C107" s="68"/>
      <c r="D107" s="715" t="s">
        <v>325</v>
      </c>
      <c r="E107" s="715"/>
      <c r="F107" s="715"/>
      <c r="G107" s="715"/>
      <c r="H107" s="715"/>
      <c r="I107" s="65"/>
      <c r="J107" s="886">
        <v>23</v>
      </c>
      <c r="K107" s="141"/>
      <c r="L107" s="141"/>
      <c r="M107" s="141"/>
      <c r="N107" s="141"/>
      <c r="O107" s="141"/>
      <c r="P107" s="141"/>
      <c r="Q107" s="141"/>
      <c r="R107" s="141">
        <v>0</v>
      </c>
      <c r="S107" s="665"/>
      <c r="T107" s="665"/>
      <c r="U107" s="665"/>
      <c r="V107" s="665"/>
      <c r="W107" s="665"/>
      <c r="X107" s="665"/>
      <c r="Y107" s="665"/>
      <c r="Z107" s="107">
        <v>427</v>
      </c>
      <c r="AA107" s="663"/>
      <c r="AB107" s="663"/>
      <c r="AC107" s="663"/>
      <c r="AD107" s="663"/>
      <c r="AE107" s="663"/>
      <c r="AF107" s="663"/>
      <c r="AG107" s="664"/>
    </row>
    <row r="108" spans="1:33" s="1" customFormat="1" ht="15.95" customHeight="1">
      <c r="A108" s="746"/>
      <c r="B108" s="747"/>
      <c r="C108" s="66"/>
      <c r="D108" s="716" t="s">
        <v>326</v>
      </c>
      <c r="E108" s="716"/>
      <c r="F108" s="716"/>
      <c r="G108" s="716"/>
      <c r="H108" s="716"/>
      <c r="I108" s="23"/>
      <c r="J108" s="661">
        <v>100</v>
      </c>
      <c r="K108" s="662"/>
      <c r="L108" s="662"/>
      <c r="M108" s="662"/>
      <c r="N108" s="662"/>
      <c r="O108" s="662"/>
      <c r="P108" s="662"/>
      <c r="Q108" s="662"/>
      <c r="R108" s="172">
        <v>300</v>
      </c>
      <c r="S108" s="172"/>
      <c r="T108" s="172"/>
      <c r="U108" s="172"/>
      <c r="V108" s="172"/>
      <c r="W108" s="172"/>
      <c r="X108" s="172"/>
      <c r="Y108" s="172"/>
      <c r="Z108" s="122">
        <v>1400</v>
      </c>
      <c r="AA108" s="621"/>
      <c r="AB108" s="621"/>
      <c r="AC108" s="621"/>
      <c r="AD108" s="621"/>
      <c r="AE108" s="621"/>
      <c r="AF108" s="621"/>
      <c r="AG108" s="622"/>
    </row>
    <row r="109" spans="1:33" s="7" customFormat="1" ht="13.5" customHeight="1">
      <c r="A109" s="13" t="s">
        <v>282</v>
      </c>
      <c r="C109" s="10"/>
      <c r="D109" s="10"/>
      <c r="E109" s="10"/>
      <c r="F109" s="10"/>
      <c r="G109" s="10"/>
      <c r="I109" s="3"/>
      <c r="J109" s="3"/>
      <c r="K109" s="3"/>
      <c r="L109" s="3"/>
      <c r="N109" s="3"/>
      <c r="O109" s="3"/>
      <c r="P109" s="3"/>
      <c r="Q109" s="3"/>
      <c r="S109" s="3"/>
      <c r="T109" s="3"/>
      <c r="U109" s="3"/>
      <c r="V109" s="3"/>
      <c r="X109" s="3"/>
      <c r="Y109" s="3"/>
      <c r="Z109" s="3"/>
      <c r="AB109" s="3"/>
      <c r="AC109" s="3"/>
      <c r="AD109" s="3"/>
      <c r="AE109" s="3"/>
      <c r="AF109" s="3"/>
      <c r="AG109" s="3" t="s">
        <v>183</v>
      </c>
    </row>
    <row r="110" spans="1:33" s="7" customFormat="1" ht="13.5" customHeight="1">
      <c r="A110" s="13" t="s">
        <v>277</v>
      </c>
      <c r="C110" s="10"/>
      <c r="D110" s="10"/>
      <c r="E110" s="10"/>
      <c r="F110" s="10"/>
      <c r="G110" s="10"/>
      <c r="Z110" s="8"/>
      <c r="AA110" s="3"/>
      <c r="AB110" s="3"/>
      <c r="AC110" s="3"/>
      <c r="AD110" s="3"/>
      <c r="AE110" s="3"/>
      <c r="AF110" s="3"/>
      <c r="AG110" s="3"/>
    </row>
    <row r="111" spans="1:33" s="1" customFormat="1" ht="13.5" customHeight="1">
      <c r="A111" s="13" t="s">
        <v>278</v>
      </c>
      <c r="Z111" s="9"/>
      <c r="AA111" s="2"/>
      <c r="AB111" s="2"/>
      <c r="AC111" s="2"/>
      <c r="AD111" s="2"/>
      <c r="AE111" s="2"/>
      <c r="AF111" s="2"/>
      <c r="AG111" s="2"/>
    </row>
    <row r="112" spans="1:33" s="1" customFormat="1" ht="15.95" customHeight="1">
      <c r="A112" s="9"/>
      <c r="Z112" s="9"/>
      <c r="AA112" s="2"/>
      <c r="AB112" s="2"/>
      <c r="AC112" s="2"/>
      <c r="AD112" s="2"/>
      <c r="AE112" s="2"/>
      <c r="AF112" s="2"/>
      <c r="AG112" s="2"/>
    </row>
    <row r="113" spans="1:40" s="5" customFormat="1" ht="20.100000000000001" customHeight="1">
      <c r="A113" s="18" t="s">
        <v>147</v>
      </c>
      <c r="AG113" s="4" t="s">
        <v>17</v>
      </c>
    </row>
    <row r="114" spans="1:40" s="1" customFormat="1" ht="15.75" customHeight="1">
      <c r="A114" s="189" t="s">
        <v>32</v>
      </c>
      <c r="B114" s="190"/>
      <c r="C114" s="190"/>
      <c r="D114" s="191"/>
      <c r="E114" s="691" t="s">
        <v>212</v>
      </c>
      <c r="F114" s="692"/>
      <c r="G114" s="692"/>
      <c r="H114" s="692"/>
      <c r="I114" s="693"/>
      <c r="J114" s="730" t="s">
        <v>213</v>
      </c>
      <c r="K114" s="731"/>
      <c r="L114" s="731"/>
      <c r="M114" s="731"/>
      <c r="N114" s="731"/>
      <c r="O114" s="731"/>
      <c r="P114" s="731"/>
      <c r="Q114" s="731"/>
      <c r="R114" s="731"/>
      <c r="S114" s="731"/>
      <c r="T114" s="731"/>
      <c r="U114" s="731"/>
      <c r="V114" s="731"/>
      <c r="W114" s="731"/>
      <c r="X114" s="731"/>
      <c r="Y114" s="731"/>
      <c r="Z114" s="731"/>
      <c r="AA114" s="731"/>
      <c r="AB114" s="731"/>
      <c r="AC114" s="732"/>
      <c r="AD114" s="691" t="s">
        <v>214</v>
      </c>
      <c r="AE114" s="692"/>
      <c r="AF114" s="692"/>
      <c r="AG114" s="707"/>
    </row>
    <row r="115" spans="1:40" s="1" customFormat="1" ht="15.75" customHeight="1">
      <c r="A115" s="138" t="s">
        <v>31</v>
      </c>
      <c r="B115" s="139"/>
      <c r="C115" s="139"/>
      <c r="D115" s="140"/>
      <c r="E115" s="694"/>
      <c r="F115" s="695"/>
      <c r="G115" s="695"/>
      <c r="H115" s="695"/>
      <c r="I115" s="696"/>
      <c r="J115" s="397" t="s">
        <v>215</v>
      </c>
      <c r="K115" s="395"/>
      <c r="L115" s="395"/>
      <c r="M115" s="395"/>
      <c r="N115" s="396"/>
      <c r="O115" s="397" t="s">
        <v>216</v>
      </c>
      <c r="P115" s="395"/>
      <c r="Q115" s="395"/>
      <c r="R115" s="395"/>
      <c r="S115" s="396"/>
      <c r="T115" s="397" t="s">
        <v>217</v>
      </c>
      <c r="U115" s="395"/>
      <c r="V115" s="395"/>
      <c r="W115" s="395"/>
      <c r="X115" s="396"/>
      <c r="Y115" s="397" t="s">
        <v>58</v>
      </c>
      <c r="Z115" s="395"/>
      <c r="AA115" s="395"/>
      <c r="AB115" s="395"/>
      <c r="AC115" s="396"/>
      <c r="AD115" s="694"/>
      <c r="AE115" s="695"/>
      <c r="AF115" s="695"/>
      <c r="AG115" s="708"/>
    </row>
    <row r="116" spans="1:40" s="1" customFormat="1" ht="20.100000000000001" customHeight="1">
      <c r="A116" s="758">
        <v>4</v>
      </c>
      <c r="B116" s="759"/>
      <c r="C116" s="759"/>
      <c r="D116" s="760"/>
      <c r="E116" s="735">
        <v>4298000</v>
      </c>
      <c r="F116" s="506"/>
      <c r="G116" s="506"/>
      <c r="H116" s="506"/>
      <c r="I116" s="506"/>
      <c r="J116" s="660">
        <v>4119771</v>
      </c>
      <c r="K116" s="660"/>
      <c r="L116" s="660"/>
      <c r="M116" s="660"/>
      <c r="N116" s="660"/>
      <c r="O116" s="506">
        <v>3275990</v>
      </c>
      <c r="P116" s="506"/>
      <c r="Q116" s="506"/>
      <c r="R116" s="506"/>
      <c r="S116" s="506"/>
      <c r="T116" s="272">
        <v>8345</v>
      </c>
      <c r="U116" s="272"/>
      <c r="V116" s="272"/>
      <c r="W116" s="272"/>
      <c r="X116" s="272"/>
      <c r="Y116" s="506">
        <v>835436</v>
      </c>
      <c r="Z116" s="506"/>
      <c r="AA116" s="506"/>
      <c r="AB116" s="506"/>
      <c r="AC116" s="506"/>
      <c r="AD116" s="631">
        <v>95.9</v>
      </c>
      <c r="AE116" s="631"/>
      <c r="AF116" s="631"/>
      <c r="AG116" s="632"/>
      <c r="AI116" s="36"/>
    </row>
    <row r="117" spans="1:40" s="1" customFormat="1" ht="20.100000000000001" customHeight="1">
      <c r="A117" s="764">
        <v>5</v>
      </c>
      <c r="B117" s="765"/>
      <c r="C117" s="765"/>
      <c r="D117" s="766"/>
      <c r="E117" s="629">
        <v>4568000</v>
      </c>
      <c r="F117" s="630"/>
      <c r="G117" s="630"/>
      <c r="H117" s="630"/>
      <c r="I117" s="630"/>
      <c r="J117" s="626">
        <v>3764450</v>
      </c>
      <c r="K117" s="626"/>
      <c r="L117" s="626"/>
      <c r="M117" s="626"/>
      <c r="N117" s="626"/>
      <c r="O117" s="630">
        <v>3299711</v>
      </c>
      <c r="P117" s="630"/>
      <c r="Q117" s="630"/>
      <c r="R117" s="630"/>
      <c r="S117" s="630"/>
      <c r="T117" s="710">
        <v>16071</v>
      </c>
      <c r="U117" s="710"/>
      <c r="V117" s="710"/>
      <c r="W117" s="710"/>
      <c r="X117" s="710"/>
      <c r="Y117" s="630">
        <v>448668</v>
      </c>
      <c r="Z117" s="630"/>
      <c r="AA117" s="630"/>
      <c r="AB117" s="630"/>
      <c r="AC117" s="630"/>
      <c r="AD117" s="736">
        <v>82.4</v>
      </c>
      <c r="AE117" s="736"/>
      <c r="AF117" s="736"/>
      <c r="AG117" s="737"/>
      <c r="AI117" s="36"/>
      <c r="AK117" s="36"/>
    </row>
    <row r="118" spans="1:40" s="16" customFormat="1" ht="20.100000000000001" customHeight="1">
      <c r="A118" s="623">
        <v>6</v>
      </c>
      <c r="B118" s="624"/>
      <c r="C118" s="624"/>
      <c r="D118" s="625"/>
      <c r="E118" s="714">
        <v>4039000</v>
      </c>
      <c r="F118" s="711"/>
      <c r="G118" s="711"/>
      <c r="H118" s="711"/>
      <c r="I118" s="711"/>
      <c r="J118" s="717">
        <v>4377460</v>
      </c>
      <c r="K118" s="717"/>
      <c r="L118" s="717"/>
      <c r="M118" s="717"/>
      <c r="N118" s="717"/>
      <c r="O118" s="711">
        <v>3215923</v>
      </c>
      <c r="P118" s="711"/>
      <c r="Q118" s="711"/>
      <c r="R118" s="711"/>
      <c r="S118" s="711"/>
      <c r="T118" s="203">
        <v>11552</v>
      </c>
      <c r="U118" s="203"/>
      <c r="V118" s="203"/>
      <c r="W118" s="203"/>
      <c r="X118" s="203"/>
      <c r="Y118" s="711">
        <v>1149985</v>
      </c>
      <c r="Z118" s="711"/>
      <c r="AA118" s="711"/>
      <c r="AB118" s="711"/>
      <c r="AC118" s="711"/>
      <c r="AD118" s="627">
        <v>108.4</v>
      </c>
      <c r="AE118" s="627"/>
      <c r="AF118" s="627"/>
      <c r="AG118" s="628"/>
      <c r="AI118" s="37"/>
    </row>
    <row r="119" spans="1:40" s="7" customFormat="1" ht="13.5" customHeight="1">
      <c r="Z119" s="8"/>
      <c r="AA119" s="3"/>
      <c r="AC119" s="3"/>
      <c r="AD119" s="3"/>
      <c r="AE119" s="3"/>
      <c r="AF119" s="3"/>
      <c r="AG119" s="3" t="s">
        <v>157</v>
      </c>
    </row>
    <row r="120" spans="1:40" s="7" customFormat="1" ht="15.95" customHeight="1">
      <c r="Z120" s="8"/>
      <c r="AA120" s="3"/>
      <c r="AB120" s="3"/>
      <c r="AC120" s="3"/>
      <c r="AD120" s="3"/>
      <c r="AE120" s="3"/>
      <c r="AF120" s="3"/>
      <c r="AG120" s="3"/>
    </row>
    <row r="121" spans="1:40" s="5" customFormat="1" ht="20.100000000000001" customHeight="1">
      <c r="A121" s="18" t="s">
        <v>148</v>
      </c>
      <c r="AF121" s="19"/>
      <c r="AG121" s="14" t="s">
        <v>18</v>
      </c>
      <c r="AH121" s="21"/>
      <c r="AI121" s="21"/>
      <c r="AJ121" s="21"/>
    </row>
    <row r="122" spans="1:40" s="1" customFormat="1" ht="15.95" customHeight="1">
      <c r="A122" s="189" t="s">
        <v>32</v>
      </c>
      <c r="B122" s="190"/>
      <c r="C122" s="190"/>
      <c r="D122" s="190"/>
      <c r="E122" s="191"/>
      <c r="F122" s="718" t="s">
        <v>218</v>
      </c>
      <c r="G122" s="423"/>
      <c r="H122" s="423"/>
      <c r="I122" s="423"/>
      <c r="J122" s="423"/>
      <c r="K122" s="423"/>
      <c r="L122" s="423"/>
      <c r="M122" s="423"/>
      <c r="N122" s="423"/>
      <c r="O122" s="423"/>
      <c r="P122" s="423"/>
      <c r="Q122" s="423"/>
      <c r="R122" s="423"/>
      <c r="S122" s="719"/>
      <c r="T122" s="423" t="s">
        <v>220</v>
      </c>
      <c r="U122" s="423"/>
      <c r="V122" s="423"/>
      <c r="W122" s="423"/>
      <c r="X122" s="423"/>
      <c r="Y122" s="423"/>
      <c r="Z122" s="423"/>
      <c r="AA122" s="423"/>
      <c r="AB122" s="423"/>
      <c r="AC122" s="423"/>
      <c r="AD122" s="423"/>
      <c r="AE122" s="423"/>
      <c r="AF122" s="423"/>
      <c r="AG122" s="424"/>
      <c r="AH122" s="38"/>
      <c r="AI122" s="38"/>
      <c r="AJ122" s="38"/>
    </row>
    <row r="123" spans="1:40" s="1" customFormat="1" ht="15.95" customHeight="1">
      <c r="A123" s="138" t="s">
        <v>31</v>
      </c>
      <c r="B123" s="139"/>
      <c r="C123" s="139"/>
      <c r="D123" s="139"/>
      <c r="E123" s="140"/>
      <c r="F123" s="302" t="s">
        <v>97</v>
      </c>
      <c r="G123" s="303"/>
      <c r="H123" s="303"/>
      <c r="I123" s="303"/>
      <c r="J123" s="303"/>
      <c r="K123" s="303"/>
      <c r="L123" s="322"/>
      <c r="M123" s="302" t="s">
        <v>219</v>
      </c>
      <c r="N123" s="303"/>
      <c r="O123" s="303"/>
      <c r="P123" s="303"/>
      <c r="Q123" s="303"/>
      <c r="R123" s="303"/>
      <c r="S123" s="322"/>
      <c r="T123" s="303" t="s">
        <v>97</v>
      </c>
      <c r="U123" s="303"/>
      <c r="V123" s="303"/>
      <c r="W123" s="303"/>
      <c r="X123" s="303"/>
      <c r="Y123" s="303"/>
      <c r="Z123" s="322"/>
      <c r="AA123" s="302" t="s">
        <v>221</v>
      </c>
      <c r="AB123" s="303"/>
      <c r="AC123" s="303"/>
      <c r="AD123" s="303"/>
      <c r="AE123" s="303"/>
      <c r="AF123" s="303"/>
      <c r="AG123" s="726"/>
      <c r="AH123" s="38"/>
      <c r="AI123" s="38"/>
      <c r="AJ123" s="38"/>
    </row>
    <row r="124" spans="1:40" s="1" customFormat="1" ht="20.100000000000001" customHeight="1">
      <c r="A124" s="205">
        <v>4</v>
      </c>
      <c r="B124" s="206"/>
      <c r="C124" s="206"/>
      <c r="D124" s="206"/>
      <c r="E124" s="207"/>
      <c r="F124" s="887" t="s">
        <v>162</v>
      </c>
      <c r="G124" s="888"/>
      <c r="H124" s="888"/>
      <c r="I124" s="888"/>
      <c r="J124" s="888"/>
      <c r="K124" s="888"/>
      <c r="L124" s="888"/>
      <c r="M124" s="733" t="s">
        <v>162</v>
      </c>
      <c r="N124" s="733"/>
      <c r="O124" s="733"/>
      <c r="P124" s="733"/>
      <c r="Q124" s="733"/>
      <c r="R124" s="733"/>
      <c r="S124" s="733"/>
      <c r="T124" s="262">
        <v>956</v>
      </c>
      <c r="U124" s="262"/>
      <c r="V124" s="262"/>
      <c r="W124" s="262"/>
      <c r="X124" s="262"/>
      <c r="Y124" s="262"/>
      <c r="Z124" s="262"/>
      <c r="AA124" s="262">
        <v>7205</v>
      </c>
      <c r="AB124" s="262"/>
      <c r="AC124" s="262"/>
      <c r="AD124" s="262"/>
      <c r="AE124" s="262"/>
      <c r="AF124" s="262"/>
      <c r="AG124" s="687"/>
      <c r="AH124" s="38"/>
      <c r="AI124" s="38"/>
      <c r="AJ124" s="38"/>
    </row>
    <row r="125" spans="1:40" s="1" customFormat="1" ht="20.100000000000001" customHeight="1">
      <c r="A125" s="611">
        <v>5</v>
      </c>
      <c r="B125" s="612"/>
      <c r="C125" s="612"/>
      <c r="D125" s="612"/>
      <c r="E125" s="613"/>
      <c r="F125" s="884" t="s">
        <v>162</v>
      </c>
      <c r="G125" s="258"/>
      <c r="H125" s="258"/>
      <c r="I125" s="258"/>
      <c r="J125" s="258"/>
      <c r="K125" s="258"/>
      <c r="L125" s="258"/>
      <c r="M125" s="258" t="s">
        <v>162</v>
      </c>
      <c r="N125" s="258"/>
      <c r="O125" s="258"/>
      <c r="P125" s="258"/>
      <c r="Q125" s="258"/>
      <c r="R125" s="258"/>
      <c r="S125" s="258"/>
      <c r="T125" s="262">
        <v>1230</v>
      </c>
      <c r="U125" s="262"/>
      <c r="V125" s="262"/>
      <c r="W125" s="262"/>
      <c r="X125" s="262"/>
      <c r="Y125" s="262"/>
      <c r="Z125" s="262"/>
      <c r="AA125" s="262">
        <v>8450</v>
      </c>
      <c r="AB125" s="262"/>
      <c r="AC125" s="262"/>
      <c r="AD125" s="262"/>
      <c r="AE125" s="262"/>
      <c r="AF125" s="262"/>
      <c r="AG125" s="687"/>
    </row>
    <row r="126" spans="1:40" s="28" customFormat="1" ht="20.100000000000001" customHeight="1">
      <c r="A126" s="608">
        <v>6</v>
      </c>
      <c r="B126" s="609"/>
      <c r="C126" s="609"/>
      <c r="D126" s="609"/>
      <c r="E126" s="610"/>
      <c r="F126" s="885" t="s">
        <v>162</v>
      </c>
      <c r="G126" s="381"/>
      <c r="H126" s="381"/>
      <c r="I126" s="381"/>
      <c r="J126" s="381"/>
      <c r="K126" s="381"/>
      <c r="L126" s="381"/>
      <c r="M126" s="381" t="s">
        <v>162</v>
      </c>
      <c r="N126" s="381"/>
      <c r="O126" s="381"/>
      <c r="P126" s="381"/>
      <c r="Q126" s="381"/>
      <c r="R126" s="381"/>
      <c r="S126" s="381"/>
      <c r="T126" s="122">
        <v>1381</v>
      </c>
      <c r="U126" s="122"/>
      <c r="V126" s="122"/>
      <c r="W126" s="122"/>
      <c r="X126" s="122"/>
      <c r="Y126" s="122"/>
      <c r="Z126" s="122"/>
      <c r="AA126" s="122">
        <v>9230</v>
      </c>
      <c r="AB126" s="122"/>
      <c r="AC126" s="122"/>
      <c r="AD126" s="122"/>
      <c r="AE126" s="122"/>
      <c r="AF126" s="122"/>
      <c r="AG126" s="181"/>
    </row>
    <row r="127" spans="1:40" s="7" customFormat="1" ht="13.5" customHeight="1">
      <c r="AF127" s="3"/>
      <c r="AG127" s="3" t="s">
        <v>327</v>
      </c>
      <c r="AH127" s="3"/>
      <c r="AI127" s="3"/>
      <c r="AK127" s="3"/>
      <c r="AL127" s="3"/>
      <c r="AM127" s="3"/>
      <c r="AN127" s="3"/>
    </row>
    <row r="128" spans="1:40" s="7" customFormat="1" ht="15.95" customHeight="1">
      <c r="X128" s="3"/>
      <c r="Y128" s="3"/>
      <c r="Z128" s="3"/>
      <c r="AA128" s="3"/>
      <c r="AB128" s="3"/>
      <c r="AC128" s="3"/>
      <c r="AD128" s="3"/>
      <c r="AE128" s="3"/>
      <c r="AF128" s="3"/>
    </row>
    <row r="129" spans="1:33" s="5" customFormat="1" ht="20.100000000000001" customHeight="1">
      <c r="A129" s="18" t="s">
        <v>149</v>
      </c>
    </row>
    <row r="130" spans="1:33" s="1" customFormat="1" ht="15.95" customHeight="1">
      <c r="B130" s="1" t="s">
        <v>19</v>
      </c>
      <c r="Z130" s="9"/>
      <c r="AA130" s="2"/>
      <c r="AB130" s="2"/>
      <c r="AC130" s="2"/>
      <c r="AE130" s="2"/>
      <c r="AF130" s="2"/>
      <c r="AG130" s="4" t="s">
        <v>20</v>
      </c>
    </row>
    <row r="131" spans="1:33" s="1" customFormat="1" ht="15.95" customHeight="1">
      <c r="A131" s="189" t="s">
        <v>32</v>
      </c>
      <c r="B131" s="190"/>
      <c r="C131" s="190"/>
      <c r="D131" s="190"/>
      <c r="E131" s="190"/>
      <c r="F131" s="190"/>
      <c r="G131" s="190"/>
      <c r="H131" s="191"/>
      <c r="I131" s="132" t="s">
        <v>70</v>
      </c>
      <c r="J131" s="133"/>
      <c r="K131" s="133"/>
      <c r="L131" s="133"/>
      <c r="M131" s="134"/>
      <c r="N131" s="132" t="s">
        <v>77</v>
      </c>
      <c r="O131" s="133"/>
      <c r="P131" s="133"/>
      <c r="Q131" s="134"/>
      <c r="R131" s="132" t="s">
        <v>78</v>
      </c>
      <c r="S131" s="133"/>
      <c r="T131" s="133"/>
      <c r="U131" s="134"/>
      <c r="V131" s="132" t="s">
        <v>79</v>
      </c>
      <c r="W131" s="133"/>
      <c r="X131" s="133"/>
      <c r="Y131" s="134"/>
      <c r="Z131" s="132" t="s">
        <v>80</v>
      </c>
      <c r="AA131" s="133"/>
      <c r="AB131" s="133"/>
      <c r="AC131" s="134"/>
      <c r="AD131" s="132" t="s">
        <v>81</v>
      </c>
      <c r="AE131" s="133"/>
      <c r="AF131" s="133"/>
      <c r="AG131" s="740"/>
    </row>
    <row r="132" spans="1:33" s="1" customFormat="1" ht="15.95" customHeight="1">
      <c r="A132" s="138" t="s">
        <v>185</v>
      </c>
      <c r="B132" s="139"/>
      <c r="C132" s="139"/>
      <c r="D132" s="139"/>
      <c r="E132" s="139"/>
      <c r="F132" s="139"/>
      <c r="G132" s="139"/>
      <c r="H132" s="140"/>
      <c r="I132" s="135"/>
      <c r="J132" s="136"/>
      <c r="K132" s="136"/>
      <c r="L132" s="136"/>
      <c r="M132" s="137"/>
      <c r="N132" s="135"/>
      <c r="O132" s="136"/>
      <c r="P132" s="136"/>
      <c r="Q132" s="137"/>
      <c r="R132" s="135"/>
      <c r="S132" s="136"/>
      <c r="T132" s="136"/>
      <c r="U132" s="137"/>
      <c r="V132" s="135"/>
      <c r="W132" s="136"/>
      <c r="X132" s="136"/>
      <c r="Y132" s="137"/>
      <c r="Z132" s="135"/>
      <c r="AA132" s="136"/>
      <c r="AB132" s="136"/>
      <c r="AC132" s="137"/>
      <c r="AD132" s="135"/>
      <c r="AE132" s="136"/>
      <c r="AF132" s="136"/>
      <c r="AG132" s="741"/>
    </row>
    <row r="133" spans="1:33" s="1" customFormat="1" ht="20.100000000000001" customHeight="1">
      <c r="A133" s="723">
        <v>4</v>
      </c>
      <c r="B133" s="724"/>
      <c r="C133" s="724"/>
      <c r="D133" s="724"/>
      <c r="E133" s="724"/>
      <c r="F133" s="724"/>
      <c r="G133" s="724"/>
      <c r="H133" s="725"/>
      <c r="I133" s="152">
        <v>3060</v>
      </c>
      <c r="J133" s="153"/>
      <c r="K133" s="153"/>
      <c r="L133" s="153"/>
      <c r="M133" s="153"/>
      <c r="N133" s="153">
        <v>887</v>
      </c>
      <c r="O133" s="153"/>
      <c r="P133" s="153"/>
      <c r="Q133" s="153"/>
      <c r="R133" s="153">
        <v>795</v>
      </c>
      <c r="S133" s="153"/>
      <c r="T133" s="153"/>
      <c r="U133" s="153"/>
      <c r="V133" s="153">
        <v>397</v>
      </c>
      <c r="W133" s="153"/>
      <c r="X133" s="153"/>
      <c r="Y133" s="153"/>
      <c r="Z133" s="153">
        <v>591</v>
      </c>
      <c r="AA133" s="153"/>
      <c r="AB133" s="153"/>
      <c r="AC133" s="153"/>
      <c r="AD133" s="153">
        <v>390</v>
      </c>
      <c r="AE133" s="153"/>
      <c r="AF133" s="153"/>
      <c r="AG133" s="789"/>
    </row>
    <row r="134" spans="1:33" s="1" customFormat="1" ht="20.100000000000001" customHeight="1">
      <c r="A134" s="772">
        <v>5</v>
      </c>
      <c r="B134" s="773"/>
      <c r="C134" s="773"/>
      <c r="D134" s="773"/>
      <c r="E134" s="773"/>
      <c r="F134" s="773"/>
      <c r="G134" s="773"/>
      <c r="H134" s="774"/>
      <c r="I134" s="160">
        <v>2971</v>
      </c>
      <c r="J134" s="151"/>
      <c r="K134" s="151"/>
      <c r="L134" s="151"/>
      <c r="M134" s="151"/>
      <c r="N134" s="131">
        <v>860</v>
      </c>
      <c r="O134" s="131"/>
      <c r="P134" s="131"/>
      <c r="Q134" s="131"/>
      <c r="R134" s="131">
        <v>774</v>
      </c>
      <c r="S134" s="131"/>
      <c r="T134" s="131"/>
      <c r="U134" s="131"/>
      <c r="V134" s="131">
        <v>381</v>
      </c>
      <c r="W134" s="131"/>
      <c r="X134" s="131"/>
      <c r="Y134" s="131"/>
      <c r="Z134" s="131">
        <v>571</v>
      </c>
      <c r="AA134" s="131"/>
      <c r="AB134" s="131"/>
      <c r="AC134" s="131"/>
      <c r="AD134" s="131">
        <v>385</v>
      </c>
      <c r="AE134" s="131"/>
      <c r="AF134" s="131"/>
      <c r="AG134" s="805"/>
    </row>
    <row r="135" spans="1:33" s="28" customFormat="1" ht="20.100000000000001" customHeight="1">
      <c r="A135" s="507">
        <v>6</v>
      </c>
      <c r="B135" s="508"/>
      <c r="C135" s="508"/>
      <c r="D135" s="508"/>
      <c r="E135" s="508"/>
      <c r="F135" s="508"/>
      <c r="G135" s="508"/>
      <c r="H135" s="509"/>
      <c r="I135" s="734">
        <v>2860</v>
      </c>
      <c r="J135" s="619"/>
      <c r="K135" s="619"/>
      <c r="L135" s="619"/>
      <c r="M135" s="619"/>
      <c r="N135" s="203">
        <v>824</v>
      </c>
      <c r="O135" s="203"/>
      <c r="P135" s="203"/>
      <c r="Q135" s="203"/>
      <c r="R135" s="203">
        <v>739</v>
      </c>
      <c r="S135" s="203"/>
      <c r="T135" s="203"/>
      <c r="U135" s="203"/>
      <c r="V135" s="203">
        <v>363</v>
      </c>
      <c r="W135" s="203"/>
      <c r="X135" s="203"/>
      <c r="Y135" s="203"/>
      <c r="Z135" s="203">
        <v>557</v>
      </c>
      <c r="AA135" s="203"/>
      <c r="AB135" s="203"/>
      <c r="AC135" s="203"/>
      <c r="AD135" s="203">
        <v>377</v>
      </c>
      <c r="AE135" s="203"/>
      <c r="AF135" s="203"/>
      <c r="AG135" s="204"/>
    </row>
    <row r="136" spans="1:33" s="7" customFormat="1" ht="13.5" customHeight="1">
      <c r="F136" s="10"/>
      <c r="G136" s="10"/>
      <c r="Z136" s="8"/>
      <c r="AA136" s="3"/>
      <c r="AB136" s="3"/>
      <c r="AC136" s="3"/>
      <c r="AD136" s="3"/>
      <c r="AE136" s="3"/>
      <c r="AF136" s="3"/>
      <c r="AG136" s="3" t="s">
        <v>328</v>
      </c>
    </row>
    <row r="137" spans="1:33" s="7" customFormat="1" ht="15.95" customHeight="1">
      <c r="F137" s="10"/>
      <c r="G137" s="10"/>
      <c r="Z137" s="8"/>
      <c r="AA137" s="3"/>
      <c r="AB137" s="3"/>
      <c r="AC137" s="3"/>
      <c r="AD137" s="3"/>
      <c r="AE137" s="3"/>
      <c r="AF137" s="3"/>
      <c r="AG137" s="3"/>
    </row>
    <row r="138" spans="1:33" s="20" customFormat="1" ht="20.100000000000001" customHeight="1">
      <c r="A138" s="18" t="s">
        <v>158</v>
      </c>
      <c r="B138" s="5"/>
      <c r="C138" s="5"/>
      <c r="D138" s="5"/>
      <c r="E138" s="5"/>
      <c r="F138" s="5"/>
      <c r="G138" s="5"/>
      <c r="H138" s="5"/>
      <c r="I138" s="5"/>
      <c r="J138" s="5"/>
      <c r="K138" s="5"/>
      <c r="L138" s="5"/>
      <c r="M138" s="5"/>
      <c r="N138" s="5"/>
      <c r="O138" s="5"/>
      <c r="P138" s="5"/>
      <c r="Q138" s="5"/>
      <c r="R138" s="5"/>
      <c r="S138" s="5"/>
      <c r="T138" s="5"/>
      <c r="U138" s="5"/>
      <c r="V138" s="5"/>
      <c r="W138" s="5"/>
      <c r="X138" s="5"/>
      <c r="Y138" s="5"/>
      <c r="Z138" s="5"/>
      <c r="AA138" s="5"/>
      <c r="AB138" s="5"/>
      <c r="AC138" s="5"/>
      <c r="AD138" s="5"/>
      <c r="AE138" s="5"/>
      <c r="AF138" s="5"/>
      <c r="AG138" s="4" t="s">
        <v>21</v>
      </c>
    </row>
    <row r="139" spans="1:33" s="7" customFormat="1" ht="20.100000000000001" customHeight="1">
      <c r="A139" s="123" t="s">
        <v>32</v>
      </c>
      <c r="B139" s="124"/>
      <c r="C139" s="125"/>
      <c r="D139" s="727" t="s">
        <v>186</v>
      </c>
      <c r="E139" s="728"/>
      <c r="F139" s="728"/>
      <c r="G139" s="728"/>
      <c r="H139" s="728"/>
      <c r="I139" s="728"/>
      <c r="J139" s="728"/>
      <c r="K139" s="728"/>
      <c r="L139" s="728"/>
      <c r="M139" s="728"/>
      <c r="N139" s="728"/>
      <c r="O139" s="728"/>
      <c r="P139" s="728"/>
      <c r="Q139" s="728"/>
      <c r="R139" s="729"/>
      <c r="S139" s="727" t="s">
        <v>187</v>
      </c>
      <c r="T139" s="728"/>
      <c r="U139" s="728"/>
      <c r="V139" s="728"/>
      <c r="W139" s="728"/>
      <c r="X139" s="728"/>
      <c r="Y139" s="728"/>
      <c r="Z139" s="728"/>
      <c r="AA139" s="728"/>
      <c r="AB139" s="728"/>
      <c r="AC139" s="728"/>
      <c r="AD139" s="728"/>
      <c r="AE139" s="728"/>
      <c r="AF139" s="728"/>
      <c r="AG139" s="806"/>
    </row>
    <row r="140" spans="1:33" s="7" customFormat="1" ht="20.100000000000001" customHeight="1">
      <c r="A140" s="128" t="s">
        <v>31</v>
      </c>
      <c r="B140" s="129"/>
      <c r="C140" s="130"/>
      <c r="D140" s="648" t="s">
        <v>188</v>
      </c>
      <c r="E140" s="649"/>
      <c r="F140" s="649"/>
      <c r="G140" s="649"/>
      <c r="H140" s="650"/>
      <c r="I140" s="648" t="s">
        <v>189</v>
      </c>
      <c r="J140" s="649"/>
      <c r="K140" s="649"/>
      <c r="L140" s="649"/>
      <c r="M140" s="650"/>
      <c r="N140" s="720" t="s">
        <v>190</v>
      </c>
      <c r="O140" s="721"/>
      <c r="P140" s="721"/>
      <c r="Q140" s="721"/>
      <c r="R140" s="811"/>
      <c r="S140" s="648" t="s">
        <v>188</v>
      </c>
      <c r="T140" s="649"/>
      <c r="U140" s="649"/>
      <c r="V140" s="649"/>
      <c r="W140" s="650"/>
      <c r="X140" s="648" t="s">
        <v>189</v>
      </c>
      <c r="Y140" s="649"/>
      <c r="Z140" s="649"/>
      <c r="AA140" s="649"/>
      <c r="AB140" s="650"/>
      <c r="AC140" s="720" t="s">
        <v>191</v>
      </c>
      <c r="AD140" s="721"/>
      <c r="AE140" s="721"/>
      <c r="AF140" s="721"/>
      <c r="AG140" s="722"/>
    </row>
    <row r="141" spans="1:33" s="7" customFormat="1" ht="20.100000000000001" customHeight="1">
      <c r="A141" s="454">
        <v>4</v>
      </c>
      <c r="B141" s="455"/>
      <c r="C141" s="456"/>
      <c r="D141" s="160">
        <v>293</v>
      </c>
      <c r="E141" s="151"/>
      <c r="F141" s="151"/>
      <c r="G141" s="151"/>
      <c r="H141" s="151"/>
      <c r="I141" s="151">
        <v>18123</v>
      </c>
      <c r="J141" s="151"/>
      <c r="K141" s="151"/>
      <c r="L141" s="151"/>
      <c r="M141" s="151"/>
      <c r="N141" s="151">
        <v>62</v>
      </c>
      <c r="O141" s="151"/>
      <c r="P141" s="151"/>
      <c r="Q141" s="151"/>
      <c r="R141" s="151"/>
      <c r="S141" s="151">
        <v>293</v>
      </c>
      <c r="T141" s="151"/>
      <c r="U141" s="151"/>
      <c r="V141" s="151"/>
      <c r="W141" s="151"/>
      <c r="X141" s="151">
        <v>25968</v>
      </c>
      <c r="Y141" s="151"/>
      <c r="Z141" s="151"/>
      <c r="AA141" s="151"/>
      <c r="AB141" s="151"/>
      <c r="AC141" s="151">
        <v>89</v>
      </c>
      <c r="AD141" s="151"/>
      <c r="AE141" s="151"/>
      <c r="AF141" s="151"/>
      <c r="AG141" s="739"/>
    </row>
    <row r="142" spans="1:33" s="7" customFormat="1" ht="20.100000000000001" customHeight="1">
      <c r="A142" s="761">
        <v>5</v>
      </c>
      <c r="B142" s="762"/>
      <c r="C142" s="763"/>
      <c r="D142" s="211">
        <v>293</v>
      </c>
      <c r="E142" s="131"/>
      <c r="F142" s="131"/>
      <c r="G142" s="131"/>
      <c r="H142" s="131"/>
      <c r="I142" s="131">
        <v>20345</v>
      </c>
      <c r="J142" s="131"/>
      <c r="K142" s="131"/>
      <c r="L142" s="131"/>
      <c r="M142" s="131"/>
      <c r="N142" s="151">
        <v>69</v>
      </c>
      <c r="O142" s="151"/>
      <c r="P142" s="151"/>
      <c r="Q142" s="151"/>
      <c r="R142" s="151"/>
      <c r="S142" s="131">
        <v>293</v>
      </c>
      <c r="T142" s="131"/>
      <c r="U142" s="131"/>
      <c r="V142" s="131"/>
      <c r="W142" s="131"/>
      <c r="X142" s="131">
        <v>28874</v>
      </c>
      <c r="Y142" s="131"/>
      <c r="Z142" s="131"/>
      <c r="AA142" s="131"/>
      <c r="AB142" s="131"/>
      <c r="AC142" s="151">
        <v>99</v>
      </c>
      <c r="AD142" s="151"/>
      <c r="AE142" s="151"/>
      <c r="AF142" s="151"/>
      <c r="AG142" s="739"/>
    </row>
    <row r="143" spans="1:33" s="7" customFormat="1" ht="20.100000000000001" customHeight="1">
      <c r="A143" s="778">
        <v>6</v>
      </c>
      <c r="B143" s="779"/>
      <c r="C143" s="780"/>
      <c r="D143" s="434">
        <v>292</v>
      </c>
      <c r="E143" s="122"/>
      <c r="F143" s="122"/>
      <c r="G143" s="122"/>
      <c r="H143" s="122"/>
      <c r="I143" s="122">
        <v>20254</v>
      </c>
      <c r="J143" s="122"/>
      <c r="K143" s="122"/>
      <c r="L143" s="122"/>
      <c r="M143" s="122"/>
      <c r="N143" s="345">
        <v>69</v>
      </c>
      <c r="O143" s="345"/>
      <c r="P143" s="345"/>
      <c r="Q143" s="345"/>
      <c r="R143" s="345"/>
      <c r="S143" s="122">
        <v>293</v>
      </c>
      <c r="T143" s="122"/>
      <c r="U143" s="122"/>
      <c r="V143" s="122"/>
      <c r="W143" s="122"/>
      <c r="X143" s="122">
        <v>32805</v>
      </c>
      <c r="Y143" s="122"/>
      <c r="Z143" s="122"/>
      <c r="AA143" s="122"/>
      <c r="AB143" s="122"/>
      <c r="AC143" s="345">
        <v>112</v>
      </c>
      <c r="AD143" s="345"/>
      <c r="AE143" s="345"/>
      <c r="AF143" s="345"/>
      <c r="AG143" s="875"/>
    </row>
    <row r="144" spans="1:33" s="7" customFormat="1" ht="13.5" customHeight="1">
      <c r="A144" s="58"/>
      <c r="B144" s="59"/>
      <c r="C144" s="59"/>
      <c r="D144" s="59"/>
      <c r="E144" s="59"/>
      <c r="F144" s="59"/>
      <c r="G144" s="59"/>
      <c r="H144" s="59"/>
      <c r="I144" s="59"/>
      <c r="J144" s="59"/>
      <c r="AA144" s="3"/>
      <c r="AB144" s="3"/>
      <c r="AC144" s="3"/>
      <c r="AD144" s="3"/>
      <c r="AE144" s="3"/>
      <c r="AF144" s="3"/>
      <c r="AG144" s="3" t="s">
        <v>328</v>
      </c>
    </row>
    <row r="145" spans="1:39" s="7" customFormat="1" ht="15.95" customHeight="1">
      <c r="AA145" s="3"/>
      <c r="AB145" s="3"/>
      <c r="AC145" s="3"/>
      <c r="AD145" s="3"/>
      <c r="AE145" s="3"/>
      <c r="AF145" s="3"/>
      <c r="AG145" s="3"/>
    </row>
    <row r="146" spans="1:39" s="20" customFormat="1" ht="20.100000000000001" customHeight="1">
      <c r="A146" s="18" t="s">
        <v>150</v>
      </c>
      <c r="B146" s="5"/>
      <c r="C146" s="5"/>
      <c r="D146" s="5"/>
      <c r="E146" s="5"/>
      <c r="F146" s="5"/>
      <c r="G146" s="5"/>
      <c r="H146" s="5"/>
      <c r="I146" s="5"/>
      <c r="J146" s="5"/>
      <c r="K146" s="5"/>
      <c r="L146" s="5"/>
      <c r="M146" s="5"/>
      <c r="N146" s="5"/>
      <c r="O146" s="5"/>
      <c r="P146" s="5"/>
      <c r="Q146" s="5"/>
      <c r="R146" s="5"/>
      <c r="S146" s="5"/>
      <c r="T146" s="5"/>
      <c r="U146" s="5"/>
      <c r="V146" s="5"/>
      <c r="W146" s="5"/>
      <c r="X146" s="5"/>
      <c r="Y146" s="5"/>
      <c r="Z146" s="5"/>
      <c r="AA146" s="5"/>
      <c r="AB146" s="5"/>
      <c r="AC146" s="5"/>
      <c r="AD146" s="5"/>
      <c r="AE146" s="5"/>
      <c r="AF146" s="5"/>
      <c r="AG146" s="5"/>
    </row>
    <row r="147" spans="1:39" s="7" customFormat="1" ht="13.5" customHeight="1">
      <c r="A147" s="84"/>
      <c r="B147" s="39"/>
      <c r="C147" s="39"/>
      <c r="D147" s="39"/>
      <c r="E147" s="84" t="s">
        <v>32</v>
      </c>
      <c r="F147" s="132" t="s">
        <v>308</v>
      </c>
      <c r="G147" s="133"/>
      <c r="H147" s="133"/>
      <c r="I147" s="133"/>
      <c r="J147" s="133"/>
      <c r="K147" s="133"/>
      <c r="L147" s="133"/>
      <c r="M147" s="133"/>
      <c r="N147" s="133"/>
      <c r="O147" s="133"/>
      <c r="P147" s="133"/>
      <c r="Q147" s="133"/>
      <c r="R147" s="133"/>
      <c r="S147" s="133"/>
      <c r="T147" s="133"/>
      <c r="U147" s="133"/>
      <c r="V147" s="133"/>
      <c r="W147" s="133"/>
      <c r="X147" s="133"/>
      <c r="Y147" s="133"/>
      <c r="Z147" s="133"/>
      <c r="AA147" s="133"/>
      <c r="AB147" s="133"/>
      <c r="AC147" s="133"/>
      <c r="AD147" s="133"/>
      <c r="AE147" s="133"/>
      <c r="AF147" s="133"/>
      <c r="AG147" s="740"/>
    </row>
    <row r="148" spans="1:39" s="7" customFormat="1" ht="13.5" customHeight="1">
      <c r="A148" s="83"/>
      <c r="B148" s="3"/>
      <c r="C148" s="3"/>
      <c r="D148" s="3"/>
      <c r="E148" s="85"/>
      <c r="F148" s="135"/>
      <c r="G148" s="136"/>
      <c r="H148" s="136"/>
      <c r="I148" s="136"/>
      <c r="J148" s="136"/>
      <c r="K148" s="136"/>
      <c r="L148" s="136"/>
      <c r="M148" s="136"/>
      <c r="N148" s="136"/>
      <c r="O148" s="136"/>
      <c r="P148" s="136"/>
      <c r="Q148" s="136"/>
      <c r="R148" s="136"/>
      <c r="S148" s="136"/>
      <c r="T148" s="136"/>
      <c r="U148" s="136"/>
      <c r="V148" s="136"/>
      <c r="W148" s="136"/>
      <c r="X148" s="136"/>
      <c r="Y148" s="136"/>
      <c r="Z148" s="136"/>
      <c r="AA148" s="136"/>
      <c r="AB148" s="136"/>
      <c r="AC148" s="136"/>
      <c r="AD148" s="136"/>
      <c r="AE148" s="136"/>
      <c r="AF148" s="136"/>
      <c r="AG148" s="741"/>
    </row>
    <row r="149" spans="1:39" s="7" customFormat="1" ht="13.5" customHeight="1">
      <c r="A149" s="208" t="s">
        <v>31</v>
      </c>
      <c r="B149" s="209"/>
      <c r="C149" s="209"/>
      <c r="D149" s="209"/>
      <c r="E149" s="210"/>
      <c r="F149" s="615" t="s">
        <v>97</v>
      </c>
      <c r="G149" s="109"/>
      <c r="H149" s="109"/>
      <c r="I149" s="109"/>
      <c r="J149" s="109"/>
      <c r="K149" s="109"/>
      <c r="L149" s="109"/>
      <c r="M149" s="109"/>
      <c r="N149" s="110"/>
      <c r="O149" s="615" t="s">
        <v>98</v>
      </c>
      <c r="P149" s="109"/>
      <c r="Q149" s="109"/>
      <c r="R149" s="109"/>
      <c r="S149" s="109"/>
      <c r="T149" s="109"/>
      <c r="U149" s="109"/>
      <c r="V149" s="109"/>
      <c r="W149" s="110"/>
      <c r="X149" s="615" t="s">
        <v>99</v>
      </c>
      <c r="Y149" s="109"/>
      <c r="Z149" s="109"/>
      <c r="AA149" s="109"/>
      <c r="AB149" s="109"/>
      <c r="AC149" s="109"/>
      <c r="AD149" s="109"/>
      <c r="AE149" s="109"/>
      <c r="AF149" s="109"/>
      <c r="AG149" s="879"/>
    </row>
    <row r="150" spans="1:39" s="7" customFormat="1" ht="13.5" customHeight="1">
      <c r="A150" s="138"/>
      <c r="B150" s="139"/>
      <c r="C150" s="139"/>
      <c r="D150" s="139"/>
      <c r="E150" s="140"/>
      <c r="F150" s="135" t="s">
        <v>309</v>
      </c>
      <c r="G150" s="136"/>
      <c r="H150" s="136"/>
      <c r="I150" s="136"/>
      <c r="J150" s="136"/>
      <c r="K150" s="136"/>
      <c r="L150" s="136"/>
      <c r="M150" s="136"/>
      <c r="N150" s="137"/>
      <c r="O150" s="135" t="s">
        <v>100</v>
      </c>
      <c r="P150" s="136"/>
      <c r="Q150" s="136"/>
      <c r="R150" s="136"/>
      <c r="S150" s="136"/>
      <c r="T150" s="136"/>
      <c r="U150" s="136"/>
      <c r="V150" s="136"/>
      <c r="W150" s="137"/>
      <c r="X150" s="135" t="s">
        <v>87</v>
      </c>
      <c r="Y150" s="136"/>
      <c r="Z150" s="136"/>
      <c r="AA150" s="136"/>
      <c r="AB150" s="136"/>
      <c r="AC150" s="136"/>
      <c r="AD150" s="136"/>
      <c r="AE150" s="136"/>
      <c r="AF150" s="136"/>
      <c r="AG150" s="741"/>
      <c r="AJ150" s="845"/>
      <c r="AK150" s="845"/>
      <c r="AL150" s="845"/>
      <c r="AM150" s="845"/>
    </row>
    <row r="151" spans="1:39" s="7" customFormat="1" ht="20.100000000000001" customHeight="1">
      <c r="A151" s="205">
        <v>4</v>
      </c>
      <c r="B151" s="206"/>
      <c r="C151" s="206"/>
      <c r="D151" s="206"/>
      <c r="E151" s="207"/>
      <c r="F151" s="880">
        <v>298</v>
      </c>
      <c r="G151" s="881"/>
      <c r="H151" s="881"/>
      <c r="I151" s="881"/>
      <c r="J151" s="881"/>
      <c r="K151" s="881"/>
      <c r="L151" s="881"/>
      <c r="M151" s="881"/>
      <c r="N151" s="881"/>
      <c r="O151" s="825">
        <v>6868</v>
      </c>
      <c r="P151" s="825"/>
      <c r="Q151" s="825"/>
      <c r="R151" s="825"/>
      <c r="S151" s="825"/>
      <c r="T151" s="825"/>
      <c r="U151" s="825"/>
      <c r="V151" s="825"/>
      <c r="W151" s="825"/>
      <c r="X151" s="480">
        <v>11825</v>
      </c>
      <c r="Y151" s="480"/>
      <c r="Z151" s="480"/>
      <c r="AA151" s="480"/>
      <c r="AB151" s="480"/>
      <c r="AC151" s="480"/>
      <c r="AD151" s="480"/>
      <c r="AE151" s="480"/>
      <c r="AF151" s="480"/>
      <c r="AG151" s="481"/>
    </row>
    <row r="152" spans="1:39" s="7" customFormat="1" ht="20.100000000000001" customHeight="1">
      <c r="A152" s="611">
        <v>5</v>
      </c>
      <c r="B152" s="612"/>
      <c r="C152" s="612"/>
      <c r="D152" s="612"/>
      <c r="E152" s="613"/>
      <c r="F152" s="882">
        <v>229</v>
      </c>
      <c r="G152" s="883"/>
      <c r="H152" s="883"/>
      <c r="I152" s="883"/>
      <c r="J152" s="883"/>
      <c r="K152" s="883"/>
      <c r="L152" s="883"/>
      <c r="M152" s="883"/>
      <c r="N152" s="883"/>
      <c r="O152" s="814">
        <v>5787</v>
      </c>
      <c r="P152" s="814"/>
      <c r="Q152" s="814"/>
      <c r="R152" s="814"/>
      <c r="S152" s="814"/>
      <c r="T152" s="814"/>
      <c r="U152" s="814"/>
      <c r="V152" s="814"/>
      <c r="W152" s="814"/>
      <c r="X152" s="468">
        <v>10981</v>
      </c>
      <c r="Y152" s="468"/>
      <c r="Z152" s="468"/>
      <c r="AA152" s="468"/>
      <c r="AB152" s="468"/>
      <c r="AC152" s="468"/>
      <c r="AD152" s="468"/>
      <c r="AE152" s="468"/>
      <c r="AF152" s="468"/>
      <c r="AG152" s="469"/>
    </row>
    <row r="153" spans="1:39" s="7" customFormat="1" ht="20.100000000000001" customHeight="1">
      <c r="A153" s="608">
        <v>6</v>
      </c>
      <c r="B153" s="609"/>
      <c r="C153" s="609"/>
      <c r="D153" s="609"/>
      <c r="E153" s="610"/>
      <c r="F153" s="470">
        <v>226</v>
      </c>
      <c r="G153" s="471"/>
      <c r="H153" s="471"/>
      <c r="I153" s="471"/>
      <c r="J153" s="471"/>
      <c r="K153" s="471"/>
      <c r="L153" s="471"/>
      <c r="M153" s="471"/>
      <c r="N153" s="471"/>
      <c r="O153" s="479">
        <v>5247</v>
      </c>
      <c r="P153" s="479"/>
      <c r="Q153" s="479"/>
      <c r="R153" s="479"/>
      <c r="S153" s="479"/>
      <c r="T153" s="479"/>
      <c r="U153" s="479"/>
      <c r="V153" s="479"/>
      <c r="W153" s="479"/>
      <c r="X153" s="479">
        <v>9643</v>
      </c>
      <c r="Y153" s="479"/>
      <c r="Z153" s="479"/>
      <c r="AA153" s="479"/>
      <c r="AB153" s="479"/>
      <c r="AC153" s="479"/>
      <c r="AD153" s="479"/>
      <c r="AE153" s="479"/>
      <c r="AF153" s="479"/>
      <c r="AG153" s="482"/>
    </row>
    <row r="154" spans="1:39" s="7" customFormat="1" ht="13.5" customHeight="1">
      <c r="A154" s="13"/>
      <c r="B154" s="1"/>
      <c r="C154" s="1"/>
      <c r="D154" s="1"/>
      <c r="E154" s="1"/>
      <c r="F154" s="1"/>
      <c r="G154" s="1"/>
      <c r="H154" s="1"/>
      <c r="I154" s="1"/>
      <c r="J154" s="1"/>
      <c r="K154" s="1"/>
      <c r="L154" s="1"/>
      <c r="M154" s="1"/>
      <c r="N154" s="1"/>
      <c r="O154" s="1"/>
      <c r="P154" s="1"/>
      <c r="Q154" s="1"/>
      <c r="R154" s="1"/>
      <c r="S154" s="1"/>
      <c r="T154" s="55"/>
      <c r="U154" s="55"/>
      <c r="V154" s="55"/>
      <c r="W154" s="55"/>
      <c r="X154" s="1"/>
      <c r="Y154" s="1"/>
      <c r="Z154" s="1"/>
      <c r="AA154" s="3"/>
      <c r="AB154" s="3"/>
      <c r="AC154" s="3"/>
      <c r="AD154" s="3"/>
      <c r="AE154" s="3"/>
      <c r="AF154" s="3"/>
      <c r="AG154" s="3" t="s">
        <v>176</v>
      </c>
    </row>
    <row r="155" spans="1:39" s="7" customFormat="1" ht="15.95" customHeight="1">
      <c r="A155" s="60"/>
      <c r="B155" s="60"/>
      <c r="C155" s="60"/>
      <c r="D155" s="60"/>
      <c r="E155" s="60"/>
      <c r="F155" s="60"/>
      <c r="G155" s="60"/>
      <c r="H155" s="60"/>
      <c r="I155" s="60"/>
      <c r="J155" s="60"/>
      <c r="K155" s="60"/>
      <c r="L155" s="60"/>
      <c r="M155" s="60"/>
      <c r="N155" s="60"/>
      <c r="O155" s="60"/>
      <c r="P155" s="60"/>
      <c r="Q155" s="60"/>
      <c r="R155" s="60"/>
      <c r="T155" s="60"/>
      <c r="U155" s="60"/>
      <c r="V155" s="60"/>
      <c r="W155" s="60"/>
      <c r="X155" s="60"/>
      <c r="Y155" s="60"/>
      <c r="Z155" s="60"/>
      <c r="AA155" s="60"/>
      <c r="AB155" s="60"/>
      <c r="AC155" s="60"/>
      <c r="AD155" s="60"/>
      <c r="AE155" s="60"/>
      <c r="AF155" s="60"/>
      <c r="AG155" s="60"/>
    </row>
    <row r="156" spans="1:39" s="20" customFormat="1" ht="20.100000000000001" customHeight="1">
      <c r="A156" s="18" t="s">
        <v>151</v>
      </c>
      <c r="AB156" s="60"/>
    </row>
    <row r="157" spans="1:39" s="1" customFormat="1" ht="15.95" customHeight="1">
      <c r="A157" s="16"/>
      <c r="B157" s="1" t="s">
        <v>22</v>
      </c>
      <c r="F157" s="40"/>
      <c r="G157" s="40"/>
      <c r="Z157" s="9"/>
      <c r="AA157" s="2"/>
      <c r="AB157" s="2"/>
      <c r="AC157" s="2"/>
      <c r="AD157" s="2"/>
      <c r="AE157" s="2"/>
      <c r="AF157" s="2"/>
      <c r="AG157" s="2"/>
    </row>
    <row r="158" spans="1:39" s="60" customFormat="1" ht="20.100000000000001" customHeight="1">
      <c r="A158" s="123" t="s">
        <v>312</v>
      </c>
      <c r="B158" s="124"/>
      <c r="C158" s="124"/>
      <c r="D158" s="417" t="s">
        <v>313</v>
      </c>
      <c r="E158" s="472" t="s">
        <v>314</v>
      </c>
      <c r="F158" s="473"/>
      <c r="G158" s="473"/>
      <c r="H158" s="473"/>
      <c r="I158" s="473"/>
      <c r="J158" s="473"/>
      <c r="K158" s="473"/>
      <c r="L158" s="473"/>
      <c r="M158" s="473"/>
      <c r="N158" s="473"/>
      <c r="O158" s="473"/>
      <c r="P158" s="478"/>
      <c r="Q158" s="472" t="s">
        <v>315</v>
      </c>
      <c r="R158" s="473"/>
      <c r="S158" s="473"/>
      <c r="T158" s="473"/>
      <c r="U158" s="473"/>
      <c r="V158" s="473"/>
      <c r="W158" s="473"/>
      <c r="X158" s="473"/>
      <c r="Y158" s="473"/>
      <c r="Z158" s="473"/>
      <c r="AA158" s="473"/>
      <c r="AB158" s="473"/>
      <c r="AC158" s="473"/>
      <c r="AD158" s="473"/>
      <c r="AE158" s="473"/>
      <c r="AF158" s="473"/>
      <c r="AG158" s="474"/>
    </row>
    <row r="159" spans="1:39" s="60" customFormat="1" ht="20.100000000000001" customHeight="1">
      <c r="A159" s="837"/>
      <c r="B159" s="838"/>
      <c r="C159" s="838"/>
      <c r="D159" s="418"/>
      <c r="E159" s="462" t="s">
        <v>316</v>
      </c>
      <c r="F159" s="463"/>
      <c r="G159" s="463"/>
      <c r="H159" s="463"/>
      <c r="I159" s="463"/>
      <c r="J159" s="464"/>
      <c r="K159" s="465" t="s">
        <v>317</v>
      </c>
      <c r="L159" s="466"/>
      <c r="M159" s="466"/>
      <c r="N159" s="466"/>
      <c r="O159" s="466"/>
      <c r="P159" s="467"/>
      <c r="Q159" s="475" t="s">
        <v>318</v>
      </c>
      <c r="R159" s="476"/>
      <c r="S159" s="476"/>
      <c r="T159" s="476"/>
      <c r="U159" s="476"/>
      <c r="V159" s="476"/>
      <c r="W159" s="476"/>
      <c r="X159" s="477"/>
      <c r="Y159" s="751" t="s">
        <v>319</v>
      </c>
      <c r="Z159" s="751"/>
      <c r="AA159" s="751"/>
      <c r="AB159" s="752"/>
      <c r="AC159" s="752"/>
      <c r="AD159" s="752"/>
      <c r="AE159" s="752"/>
      <c r="AF159" s="752"/>
      <c r="AG159" s="753"/>
    </row>
    <row r="160" spans="1:39" s="60" customFormat="1" ht="20.100000000000001" customHeight="1">
      <c r="A160" s="839" t="s">
        <v>320</v>
      </c>
      <c r="B160" s="840"/>
      <c r="C160" s="840"/>
      <c r="D160" s="419"/>
      <c r="E160" s="644" t="s">
        <v>321</v>
      </c>
      <c r="F160" s="754"/>
      <c r="G160" s="645"/>
      <c r="H160" s="176" t="s">
        <v>322</v>
      </c>
      <c r="I160" s="177"/>
      <c r="J160" s="178"/>
      <c r="K160" s="640" t="s">
        <v>321</v>
      </c>
      <c r="L160" s="641"/>
      <c r="M160" s="642"/>
      <c r="N160" s="644" t="s">
        <v>322</v>
      </c>
      <c r="O160" s="754"/>
      <c r="P160" s="645"/>
      <c r="Q160" s="644" t="s">
        <v>323</v>
      </c>
      <c r="R160" s="645"/>
      <c r="S160" s="757" t="s">
        <v>321</v>
      </c>
      <c r="T160" s="757"/>
      <c r="U160" s="757"/>
      <c r="V160" s="757" t="s">
        <v>322</v>
      </c>
      <c r="W160" s="757"/>
      <c r="X160" s="757"/>
      <c r="Y160" s="812" t="s">
        <v>323</v>
      </c>
      <c r="Z160" s="812"/>
      <c r="AA160" s="812"/>
      <c r="AB160" s="757" t="s">
        <v>321</v>
      </c>
      <c r="AC160" s="757"/>
      <c r="AD160" s="757"/>
      <c r="AE160" s="757" t="s">
        <v>322</v>
      </c>
      <c r="AF160" s="757"/>
      <c r="AG160" s="813"/>
    </row>
    <row r="161" spans="1:33" s="60" customFormat="1" ht="20.100000000000001" customHeight="1">
      <c r="A161" s="454">
        <v>4</v>
      </c>
      <c r="B161" s="455"/>
      <c r="C161" s="456"/>
      <c r="D161" s="81">
        <v>525</v>
      </c>
      <c r="E161" s="646">
        <v>441</v>
      </c>
      <c r="F161" s="646"/>
      <c r="G161" s="646"/>
      <c r="H161" s="646">
        <v>75</v>
      </c>
      <c r="I161" s="646"/>
      <c r="J161" s="646"/>
      <c r="K161" s="646">
        <v>47697</v>
      </c>
      <c r="L161" s="646"/>
      <c r="M161" s="646"/>
      <c r="N161" s="646">
        <v>6180</v>
      </c>
      <c r="O161" s="646"/>
      <c r="P161" s="646"/>
      <c r="Q161" s="420">
        <v>3111</v>
      </c>
      <c r="R161" s="420"/>
      <c r="S161" s="647">
        <v>3079</v>
      </c>
      <c r="T161" s="647"/>
      <c r="U161" s="647"/>
      <c r="V161" s="647">
        <v>32</v>
      </c>
      <c r="W161" s="647"/>
      <c r="X161" s="647"/>
      <c r="Y161" s="810">
        <v>264921</v>
      </c>
      <c r="Z161" s="810"/>
      <c r="AA161" s="810"/>
      <c r="AB161" s="647">
        <v>223486</v>
      </c>
      <c r="AC161" s="647"/>
      <c r="AD161" s="647"/>
      <c r="AE161" s="647">
        <v>41435</v>
      </c>
      <c r="AF161" s="647"/>
      <c r="AG161" s="755"/>
    </row>
    <row r="162" spans="1:33" s="60" customFormat="1" ht="20.100000000000001" customHeight="1">
      <c r="A162" s="761">
        <v>5</v>
      </c>
      <c r="B162" s="762"/>
      <c r="C162" s="763"/>
      <c r="D162" s="87">
        <v>527</v>
      </c>
      <c r="E162" s="461">
        <v>459</v>
      </c>
      <c r="F162" s="461"/>
      <c r="G162" s="461"/>
      <c r="H162" s="461">
        <v>84</v>
      </c>
      <c r="I162" s="461"/>
      <c r="J162" s="461"/>
      <c r="K162" s="461">
        <v>50546</v>
      </c>
      <c r="L162" s="461"/>
      <c r="M162" s="461"/>
      <c r="N162" s="461">
        <v>5810</v>
      </c>
      <c r="O162" s="461"/>
      <c r="P162" s="461"/>
      <c r="Q162" s="421">
        <v>3220</v>
      </c>
      <c r="R162" s="421"/>
      <c r="S162" s="643">
        <v>3188</v>
      </c>
      <c r="T162" s="643"/>
      <c r="U162" s="643"/>
      <c r="V162" s="643">
        <v>32</v>
      </c>
      <c r="W162" s="643"/>
      <c r="X162" s="643"/>
      <c r="Y162" s="647">
        <v>269368</v>
      </c>
      <c r="Z162" s="647"/>
      <c r="AA162" s="647"/>
      <c r="AB162" s="643">
        <v>230389</v>
      </c>
      <c r="AC162" s="643"/>
      <c r="AD162" s="643"/>
      <c r="AE162" s="643">
        <v>38979</v>
      </c>
      <c r="AF162" s="643"/>
      <c r="AG162" s="878"/>
    </row>
    <row r="163" spans="1:33" s="41" customFormat="1" ht="20.100000000000001" customHeight="1">
      <c r="A163" s="778">
        <v>6</v>
      </c>
      <c r="B163" s="779"/>
      <c r="C163" s="779"/>
      <c r="D163" s="82">
        <v>575</v>
      </c>
      <c r="E163" s="460">
        <v>468</v>
      </c>
      <c r="F163" s="460"/>
      <c r="G163" s="460"/>
      <c r="H163" s="460">
        <v>80</v>
      </c>
      <c r="I163" s="460"/>
      <c r="J163" s="460"/>
      <c r="K163" s="460">
        <v>51218</v>
      </c>
      <c r="L163" s="460"/>
      <c r="M163" s="460"/>
      <c r="N163" s="460">
        <v>5384</v>
      </c>
      <c r="O163" s="460"/>
      <c r="P163" s="460"/>
      <c r="Q163" s="422">
        <v>3212</v>
      </c>
      <c r="R163" s="422"/>
      <c r="S163" s="808">
        <v>3028</v>
      </c>
      <c r="T163" s="808"/>
      <c r="U163" s="808"/>
      <c r="V163" s="808">
        <v>32</v>
      </c>
      <c r="W163" s="808"/>
      <c r="X163" s="808"/>
      <c r="Y163" s="756">
        <v>274363</v>
      </c>
      <c r="Z163" s="756"/>
      <c r="AA163" s="756"/>
      <c r="AB163" s="808">
        <v>235104</v>
      </c>
      <c r="AC163" s="808"/>
      <c r="AD163" s="808"/>
      <c r="AE163" s="808">
        <v>39259</v>
      </c>
      <c r="AF163" s="808"/>
      <c r="AG163" s="809"/>
    </row>
    <row r="164" spans="1:33" s="60" customFormat="1" ht="13.5" customHeight="1">
      <c r="A164" s="61"/>
      <c r="AG164" s="3" t="s">
        <v>281</v>
      </c>
    </row>
    <row r="165" spans="1:33" s="1" customFormat="1" ht="15.95" customHeight="1">
      <c r="Z165" s="9"/>
      <c r="AA165" s="2"/>
      <c r="AB165" s="2"/>
      <c r="AC165" s="2"/>
      <c r="AD165" s="2"/>
      <c r="AE165" s="2"/>
      <c r="AF165" s="2"/>
      <c r="AG165" s="3"/>
    </row>
    <row r="166" spans="1:33" s="5" customFormat="1" ht="20.100000000000001" customHeight="1">
      <c r="A166" s="18" t="s">
        <v>152</v>
      </c>
    </row>
    <row r="167" spans="1:33" customFormat="1" ht="15.95" customHeight="1">
      <c r="A167" s="1"/>
      <c r="B167" s="1" t="s">
        <v>340</v>
      </c>
      <c r="C167" s="1"/>
      <c r="D167" s="1"/>
      <c r="F167" s="1"/>
      <c r="G167" s="1"/>
      <c r="H167" s="1"/>
      <c r="I167" s="1"/>
      <c r="J167" s="1"/>
      <c r="K167" s="1"/>
      <c r="L167" s="1"/>
      <c r="M167" s="1"/>
      <c r="N167" s="1"/>
      <c r="O167" s="1"/>
      <c r="P167" s="1"/>
      <c r="Q167" s="1"/>
      <c r="R167" s="1"/>
      <c r="S167" s="1"/>
      <c r="T167" s="1"/>
      <c r="U167" s="1"/>
      <c r="V167" s="1"/>
      <c r="W167" s="1"/>
      <c r="X167" s="1"/>
      <c r="Y167" s="1"/>
      <c r="Z167" s="9"/>
      <c r="AA167" s="2"/>
      <c r="AB167" s="2"/>
      <c r="AC167" s="2"/>
      <c r="AE167" s="33"/>
      <c r="AF167" s="33"/>
      <c r="AG167" s="14" t="s">
        <v>223</v>
      </c>
    </row>
    <row r="168" spans="1:33" customFormat="1" ht="20.100000000000001" customHeight="1">
      <c r="A168" s="807" t="s">
        <v>32</v>
      </c>
      <c r="B168" s="496"/>
      <c r="C168" s="496"/>
      <c r="D168" s="496"/>
      <c r="E168" s="496"/>
      <c r="F168" s="496"/>
      <c r="G168" s="496"/>
      <c r="H168" s="639"/>
      <c r="I168" s="516" t="s">
        <v>70</v>
      </c>
      <c r="J168" s="517"/>
      <c r="K168" s="517"/>
      <c r="L168" s="517"/>
      <c r="M168" s="518"/>
      <c r="N168" s="516" t="s">
        <v>77</v>
      </c>
      <c r="O168" s="517"/>
      <c r="P168" s="517"/>
      <c r="Q168" s="518"/>
      <c r="R168" s="516" t="s">
        <v>78</v>
      </c>
      <c r="S168" s="517"/>
      <c r="T168" s="517"/>
      <c r="U168" s="518"/>
      <c r="V168" s="516" t="s">
        <v>79</v>
      </c>
      <c r="W168" s="517"/>
      <c r="X168" s="517"/>
      <c r="Y168" s="518"/>
      <c r="Z168" s="516" t="s">
        <v>80</v>
      </c>
      <c r="AA168" s="517"/>
      <c r="AB168" s="517"/>
      <c r="AC168" s="518"/>
      <c r="AD168" s="516" t="s">
        <v>81</v>
      </c>
      <c r="AE168" s="517"/>
      <c r="AF168" s="517"/>
      <c r="AG168" s="830"/>
    </row>
    <row r="169" spans="1:33" customFormat="1" ht="20.100000000000001" customHeight="1">
      <c r="A169" s="827" t="s">
        <v>224</v>
      </c>
      <c r="B169" s="828"/>
      <c r="C169" s="828"/>
      <c r="D169" s="828"/>
      <c r="E169" s="828"/>
      <c r="F169" s="828"/>
      <c r="G169" s="828"/>
      <c r="H169" s="829"/>
      <c r="I169" s="863">
        <v>279</v>
      </c>
      <c r="J169" s="864"/>
      <c r="K169" s="864"/>
      <c r="L169" s="864"/>
      <c r="M169" s="864"/>
      <c r="N169" s="510">
        <v>79</v>
      </c>
      <c r="O169" s="510"/>
      <c r="P169" s="510"/>
      <c r="Q169" s="510"/>
      <c r="R169" s="510">
        <v>100</v>
      </c>
      <c r="S169" s="510"/>
      <c r="T169" s="510"/>
      <c r="U169" s="510"/>
      <c r="V169" s="510">
        <v>55</v>
      </c>
      <c r="W169" s="510"/>
      <c r="X169" s="510"/>
      <c r="Y169" s="510"/>
      <c r="Z169" s="510">
        <v>8</v>
      </c>
      <c r="AA169" s="510"/>
      <c r="AB169" s="510"/>
      <c r="AC169" s="510"/>
      <c r="AD169" s="510">
        <v>37</v>
      </c>
      <c r="AE169" s="510"/>
      <c r="AF169" s="510"/>
      <c r="AG169" s="826"/>
    </row>
    <row r="170" spans="1:33" customFormat="1" ht="13.5" customHeight="1">
      <c r="A170" s="7"/>
      <c r="B170" s="7"/>
      <c r="C170" s="7"/>
      <c r="D170" s="7"/>
      <c r="E170" s="7"/>
      <c r="F170" s="7"/>
      <c r="G170" s="7"/>
      <c r="H170" s="7"/>
      <c r="I170" s="7"/>
      <c r="J170" s="7"/>
      <c r="K170" s="7"/>
      <c r="L170" s="7"/>
      <c r="M170" s="7"/>
      <c r="N170" s="7"/>
      <c r="O170" s="7"/>
      <c r="P170" s="7"/>
      <c r="Q170" s="7"/>
      <c r="R170" s="7"/>
      <c r="S170" s="7"/>
      <c r="T170" s="7"/>
      <c r="U170" s="7"/>
      <c r="V170" s="7"/>
      <c r="W170" s="7"/>
      <c r="X170" s="7"/>
      <c r="Y170" s="7"/>
      <c r="Z170" s="8"/>
      <c r="AA170" s="151" t="s">
        <v>16</v>
      </c>
      <c r="AB170" s="151"/>
      <c r="AC170" s="151"/>
      <c r="AD170" s="151"/>
      <c r="AE170" s="151"/>
      <c r="AF170" s="151"/>
      <c r="AG170" s="151"/>
    </row>
    <row r="171" spans="1:33" s="7" customFormat="1" ht="15.95" customHeight="1">
      <c r="Z171" s="8"/>
      <c r="AB171" s="3"/>
      <c r="AC171" s="3"/>
      <c r="AD171" s="3"/>
      <c r="AE171" s="3"/>
      <c r="AF171" s="3"/>
      <c r="AG171" s="3"/>
    </row>
    <row r="172" spans="1:33" s="5" customFormat="1" ht="20.100000000000001" customHeight="1">
      <c r="A172" s="18" t="s">
        <v>165</v>
      </c>
    </row>
    <row r="173" spans="1:33" s="1" customFormat="1" ht="15.95" customHeight="1">
      <c r="B173" s="1" t="s">
        <v>19</v>
      </c>
      <c r="Z173" s="9"/>
      <c r="AA173" s="2"/>
      <c r="AB173" s="2"/>
      <c r="AC173" s="2"/>
      <c r="AD173" s="2"/>
      <c r="AE173" s="2"/>
      <c r="AF173" s="2"/>
      <c r="AG173" s="2"/>
    </row>
    <row r="174" spans="1:33" s="1" customFormat="1" ht="15.95" customHeight="1">
      <c r="A174" s="41" t="s">
        <v>23</v>
      </c>
      <c r="Z174" s="9"/>
      <c r="AA174" s="2"/>
      <c r="AB174" s="2"/>
      <c r="AC174" s="2"/>
      <c r="AD174" s="2"/>
      <c r="AE174" s="2"/>
      <c r="AF174" s="2"/>
      <c r="AG174" s="2"/>
    </row>
    <row r="175" spans="1:33" s="1" customFormat="1" ht="15.95" customHeight="1">
      <c r="A175" s="189" t="s">
        <v>32</v>
      </c>
      <c r="B175" s="190"/>
      <c r="C175" s="190"/>
      <c r="D175" s="190"/>
      <c r="E175" s="190"/>
      <c r="F175" s="190"/>
      <c r="G175" s="190"/>
      <c r="H175" s="191"/>
      <c r="I175" s="526" t="s">
        <v>192</v>
      </c>
      <c r="J175" s="527"/>
      <c r="K175" s="527"/>
      <c r="L175" s="527"/>
      <c r="M175" s="528"/>
      <c r="N175" s="526" t="s">
        <v>74</v>
      </c>
      <c r="O175" s="527"/>
      <c r="P175" s="527"/>
      <c r="Q175" s="527"/>
      <c r="R175" s="528"/>
      <c r="S175" s="526" t="s">
        <v>193</v>
      </c>
      <c r="T175" s="527"/>
      <c r="U175" s="527"/>
      <c r="V175" s="527"/>
      <c r="W175" s="528"/>
      <c r="X175" s="526" t="s">
        <v>194</v>
      </c>
      <c r="Y175" s="527"/>
      <c r="Z175" s="527"/>
      <c r="AA175" s="527"/>
      <c r="AB175" s="528"/>
      <c r="AC175" s="526" t="s">
        <v>195</v>
      </c>
      <c r="AD175" s="527"/>
      <c r="AE175" s="527"/>
      <c r="AF175" s="527"/>
      <c r="AG175" s="634"/>
    </row>
    <row r="176" spans="1:33" s="1" customFormat="1" ht="15.95" customHeight="1">
      <c r="A176" s="138" t="s">
        <v>185</v>
      </c>
      <c r="B176" s="139"/>
      <c r="C176" s="139"/>
      <c r="D176" s="139"/>
      <c r="E176" s="139"/>
      <c r="F176" s="139"/>
      <c r="G176" s="139"/>
      <c r="H176" s="140"/>
      <c r="I176" s="522" t="s">
        <v>196</v>
      </c>
      <c r="J176" s="523"/>
      <c r="K176" s="523"/>
      <c r="L176" s="523"/>
      <c r="M176" s="524"/>
      <c r="N176" s="522" t="s">
        <v>1</v>
      </c>
      <c r="O176" s="523"/>
      <c r="P176" s="523"/>
      <c r="Q176" s="523"/>
      <c r="R176" s="524"/>
      <c r="S176" s="522" t="s">
        <v>1</v>
      </c>
      <c r="T176" s="523"/>
      <c r="U176" s="523"/>
      <c r="V176" s="523"/>
      <c r="W176" s="524"/>
      <c r="X176" s="522" t="s">
        <v>1</v>
      </c>
      <c r="Y176" s="523"/>
      <c r="Z176" s="523"/>
      <c r="AA176" s="523"/>
      <c r="AB176" s="524"/>
      <c r="AC176" s="522" t="s">
        <v>197</v>
      </c>
      <c r="AD176" s="523"/>
      <c r="AE176" s="523"/>
      <c r="AF176" s="523"/>
      <c r="AG176" s="525"/>
    </row>
    <row r="177" spans="1:37" s="1" customFormat="1" ht="20.100000000000001" customHeight="1">
      <c r="A177" s="519">
        <v>5</v>
      </c>
      <c r="B177" s="520"/>
      <c r="C177" s="520"/>
      <c r="D177" s="520"/>
      <c r="E177" s="520"/>
      <c r="F177" s="520"/>
      <c r="G177" s="520"/>
      <c r="H177" s="521"/>
      <c r="I177" s="152">
        <v>4</v>
      </c>
      <c r="J177" s="153"/>
      <c r="K177" s="153"/>
      <c r="L177" s="153"/>
      <c r="M177" s="153"/>
      <c r="N177" s="153">
        <v>670</v>
      </c>
      <c r="O177" s="515"/>
      <c r="P177" s="515"/>
      <c r="Q177" s="515"/>
      <c r="R177" s="515"/>
      <c r="S177" s="153">
        <v>599</v>
      </c>
      <c r="T177" s="515"/>
      <c r="U177" s="515"/>
      <c r="V177" s="515"/>
      <c r="W177" s="515"/>
      <c r="X177" s="153">
        <v>152</v>
      </c>
      <c r="Y177" s="515"/>
      <c r="Z177" s="515"/>
      <c r="AA177" s="515"/>
      <c r="AB177" s="515"/>
      <c r="AC177" s="781">
        <v>89.4</v>
      </c>
      <c r="AD177" s="781"/>
      <c r="AE177" s="781"/>
      <c r="AF177" s="781"/>
      <c r="AG177" s="782"/>
    </row>
    <row r="178" spans="1:37" s="1" customFormat="1" ht="20.100000000000001" customHeight="1">
      <c r="A178" s="772">
        <v>6</v>
      </c>
      <c r="B178" s="773"/>
      <c r="C178" s="773"/>
      <c r="D178" s="773"/>
      <c r="E178" s="773"/>
      <c r="F178" s="773"/>
      <c r="G178" s="773"/>
      <c r="H178" s="774"/>
      <c r="I178" s="211">
        <v>4</v>
      </c>
      <c r="J178" s="131"/>
      <c r="K178" s="131"/>
      <c r="L178" s="131"/>
      <c r="M178" s="131"/>
      <c r="N178" s="131">
        <v>640</v>
      </c>
      <c r="O178" s="514"/>
      <c r="P178" s="514"/>
      <c r="Q178" s="514"/>
      <c r="R178" s="514"/>
      <c r="S178" s="131">
        <v>582</v>
      </c>
      <c r="T178" s="514"/>
      <c r="U178" s="514"/>
      <c r="V178" s="514"/>
      <c r="W178" s="514"/>
      <c r="X178" s="131">
        <v>140</v>
      </c>
      <c r="Y178" s="514"/>
      <c r="Z178" s="514"/>
      <c r="AA178" s="514"/>
      <c r="AB178" s="514"/>
      <c r="AC178" s="855">
        <v>90.9</v>
      </c>
      <c r="AD178" s="855"/>
      <c r="AE178" s="855"/>
      <c r="AF178" s="855"/>
      <c r="AG178" s="856"/>
    </row>
    <row r="179" spans="1:37" s="16" customFormat="1" ht="20.100000000000001" customHeight="1">
      <c r="A179" s="507">
        <v>7</v>
      </c>
      <c r="B179" s="508"/>
      <c r="C179" s="508"/>
      <c r="D179" s="508"/>
      <c r="E179" s="508"/>
      <c r="F179" s="508"/>
      <c r="G179" s="508"/>
      <c r="H179" s="509"/>
      <c r="I179" s="434">
        <v>4</v>
      </c>
      <c r="J179" s="122"/>
      <c r="K179" s="122"/>
      <c r="L179" s="122"/>
      <c r="M179" s="122"/>
      <c r="N179" s="122">
        <v>664</v>
      </c>
      <c r="O179" s="513"/>
      <c r="P179" s="513"/>
      <c r="Q179" s="513"/>
      <c r="R179" s="513"/>
      <c r="S179" s="122">
        <v>627</v>
      </c>
      <c r="T179" s="513"/>
      <c r="U179" s="513"/>
      <c r="V179" s="513"/>
      <c r="W179" s="513"/>
      <c r="X179" s="122">
        <v>167</v>
      </c>
      <c r="Y179" s="513"/>
      <c r="Z179" s="513"/>
      <c r="AA179" s="513"/>
      <c r="AB179" s="513"/>
      <c r="AC179" s="511">
        <v>94.4</v>
      </c>
      <c r="AD179" s="511"/>
      <c r="AE179" s="511"/>
      <c r="AF179" s="511"/>
      <c r="AG179" s="512"/>
    </row>
    <row r="180" spans="1:37" s="1" customFormat="1" ht="13.5" customHeight="1">
      <c r="A180" s="25"/>
      <c r="Z180" s="9"/>
      <c r="AA180" s="3"/>
      <c r="AB180" s="3"/>
      <c r="AC180" s="3"/>
      <c r="AD180" s="3"/>
      <c r="AE180" s="3"/>
      <c r="AF180" s="3"/>
      <c r="AG180" s="3" t="s">
        <v>337</v>
      </c>
    </row>
    <row r="181" spans="1:37" s="1" customFormat="1" ht="15.95" customHeight="1">
      <c r="Z181" s="9"/>
      <c r="AA181" s="3"/>
      <c r="AB181" s="3"/>
      <c r="AC181" s="3"/>
      <c r="AD181" s="3"/>
      <c r="AE181" s="3"/>
      <c r="AF181" s="3"/>
      <c r="AG181" s="3"/>
    </row>
    <row r="182" spans="1:37" s="1" customFormat="1" ht="15.95" customHeight="1">
      <c r="A182" s="41" t="s">
        <v>24</v>
      </c>
      <c r="Z182" s="9"/>
      <c r="AA182" s="2"/>
      <c r="AB182" s="2"/>
      <c r="AC182" s="2"/>
      <c r="AD182" s="2"/>
      <c r="AE182" s="2"/>
      <c r="AF182" s="2"/>
      <c r="AG182" s="2"/>
    </row>
    <row r="183" spans="1:37" s="1" customFormat="1" ht="15.95" customHeight="1">
      <c r="A183" s="189" t="s">
        <v>32</v>
      </c>
      <c r="B183" s="190"/>
      <c r="C183" s="190"/>
      <c r="D183" s="190"/>
      <c r="E183" s="190"/>
      <c r="F183" s="190"/>
      <c r="G183" s="190"/>
      <c r="H183" s="191"/>
      <c r="I183" s="526" t="s">
        <v>192</v>
      </c>
      <c r="J183" s="527"/>
      <c r="K183" s="527"/>
      <c r="L183" s="527"/>
      <c r="M183" s="528"/>
      <c r="N183" s="526" t="s">
        <v>74</v>
      </c>
      <c r="O183" s="527"/>
      <c r="P183" s="527"/>
      <c r="Q183" s="527"/>
      <c r="R183" s="528"/>
      <c r="S183" s="526" t="s">
        <v>193</v>
      </c>
      <c r="T183" s="527"/>
      <c r="U183" s="527"/>
      <c r="V183" s="527"/>
      <c r="W183" s="528"/>
      <c r="X183" s="526" t="s">
        <v>194</v>
      </c>
      <c r="Y183" s="527"/>
      <c r="Z183" s="527"/>
      <c r="AA183" s="527"/>
      <c r="AB183" s="528"/>
      <c r="AC183" s="526" t="s">
        <v>195</v>
      </c>
      <c r="AD183" s="527"/>
      <c r="AE183" s="527"/>
      <c r="AF183" s="527"/>
      <c r="AG183" s="634"/>
    </row>
    <row r="184" spans="1:37" s="1" customFormat="1" ht="15.95" customHeight="1">
      <c r="A184" s="138" t="s">
        <v>185</v>
      </c>
      <c r="B184" s="139"/>
      <c r="C184" s="139"/>
      <c r="D184" s="139"/>
      <c r="E184" s="139"/>
      <c r="F184" s="139"/>
      <c r="G184" s="139"/>
      <c r="H184" s="140"/>
      <c r="I184" s="522" t="s">
        <v>196</v>
      </c>
      <c r="J184" s="523"/>
      <c r="K184" s="523"/>
      <c r="L184" s="523"/>
      <c r="M184" s="524"/>
      <c r="N184" s="522" t="s">
        <v>1</v>
      </c>
      <c r="O184" s="523"/>
      <c r="P184" s="523"/>
      <c r="Q184" s="523"/>
      <c r="R184" s="524"/>
      <c r="S184" s="522" t="s">
        <v>1</v>
      </c>
      <c r="T184" s="523"/>
      <c r="U184" s="523"/>
      <c r="V184" s="523"/>
      <c r="W184" s="524"/>
      <c r="X184" s="522" t="s">
        <v>1</v>
      </c>
      <c r="Y184" s="523"/>
      <c r="Z184" s="523"/>
      <c r="AA184" s="523"/>
      <c r="AB184" s="524"/>
      <c r="AC184" s="522" t="s">
        <v>197</v>
      </c>
      <c r="AD184" s="523"/>
      <c r="AE184" s="523"/>
      <c r="AF184" s="523"/>
      <c r="AG184" s="525"/>
    </row>
    <row r="185" spans="1:37" s="1" customFormat="1" ht="20.100000000000001" customHeight="1">
      <c r="A185" s="519">
        <v>5</v>
      </c>
      <c r="B185" s="520"/>
      <c r="C185" s="520"/>
      <c r="D185" s="520"/>
      <c r="E185" s="520"/>
      <c r="F185" s="520"/>
      <c r="G185" s="520"/>
      <c r="H185" s="521"/>
      <c r="I185" s="160">
        <v>3</v>
      </c>
      <c r="J185" s="151"/>
      <c r="K185" s="151"/>
      <c r="L185" s="151"/>
      <c r="M185" s="151"/>
      <c r="N185" s="151">
        <v>390</v>
      </c>
      <c r="O185" s="151"/>
      <c r="P185" s="151"/>
      <c r="Q185" s="151"/>
      <c r="R185" s="151"/>
      <c r="S185" s="151">
        <v>336</v>
      </c>
      <c r="T185" s="151"/>
      <c r="U185" s="151"/>
      <c r="V185" s="151"/>
      <c r="W185" s="151"/>
      <c r="X185" s="151">
        <v>67</v>
      </c>
      <c r="Y185" s="151"/>
      <c r="Z185" s="151"/>
      <c r="AA185" s="151"/>
      <c r="AB185" s="151"/>
      <c r="AC185" s="855">
        <v>86.2</v>
      </c>
      <c r="AD185" s="855"/>
      <c r="AE185" s="855"/>
      <c r="AF185" s="855"/>
      <c r="AG185" s="856"/>
    </row>
    <row r="186" spans="1:37" s="1" customFormat="1" ht="20.100000000000001" customHeight="1">
      <c r="A186" s="772">
        <v>6</v>
      </c>
      <c r="B186" s="773"/>
      <c r="C186" s="773"/>
      <c r="D186" s="773"/>
      <c r="E186" s="773"/>
      <c r="F186" s="773"/>
      <c r="G186" s="773"/>
      <c r="H186" s="774"/>
      <c r="I186" s="771">
        <v>3</v>
      </c>
      <c r="J186" s="770"/>
      <c r="K186" s="770"/>
      <c r="L186" s="770"/>
      <c r="M186" s="770"/>
      <c r="N186" s="770">
        <v>390</v>
      </c>
      <c r="O186" s="770"/>
      <c r="P186" s="770"/>
      <c r="Q186" s="770"/>
      <c r="R186" s="770"/>
      <c r="S186" s="770">
        <v>344</v>
      </c>
      <c r="T186" s="770"/>
      <c r="U186" s="770"/>
      <c r="V186" s="770"/>
      <c r="W186" s="770"/>
      <c r="X186" s="770">
        <v>64</v>
      </c>
      <c r="Y186" s="770"/>
      <c r="Z186" s="770"/>
      <c r="AA186" s="770"/>
      <c r="AB186" s="770"/>
      <c r="AC186" s="775">
        <v>88.2</v>
      </c>
      <c r="AD186" s="775"/>
      <c r="AE186" s="775"/>
      <c r="AF186" s="775"/>
      <c r="AG186" s="776"/>
      <c r="AK186" s="42"/>
    </row>
    <row r="187" spans="1:37" s="43" customFormat="1" ht="20.100000000000001" customHeight="1">
      <c r="A187" s="507">
        <v>7</v>
      </c>
      <c r="B187" s="508"/>
      <c r="C187" s="508"/>
      <c r="D187" s="508"/>
      <c r="E187" s="508"/>
      <c r="F187" s="508"/>
      <c r="G187" s="508"/>
      <c r="H187" s="509"/>
      <c r="I187" s="425">
        <v>3</v>
      </c>
      <c r="J187" s="425"/>
      <c r="K187" s="425"/>
      <c r="L187" s="425"/>
      <c r="M187" s="425"/>
      <c r="N187" s="425">
        <v>390</v>
      </c>
      <c r="O187" s="425"/>
      <c r="P187" s="425"/>
      <c r="Q187" s="425"/>
      <c r="R187" s="425"/>
      <c r="S187" s="425">
        <v>312</v>
      </c>
      <c r="T187" s="425"/>
      <c r="U187" s="425"/>
      <c r="V187" s="425"/>
      <c r="W187" s="425"/>
      <c r="X187" s="425">
        <v>69</v>
      </c>
      <c r="Y187" s="425"/>
      <c r="Z187" s="425"/>
      <c r="AA187" s="425"/>
      <c r="AB187" s="425"/>
      <c r="AC187" s="636">
        <v>80</v>
      </c>
      <c r="AD187" s="636"/>
      <c r="AE187" s="636"/>
      <c r="AF187" s="636"/>
      <c r="AG187" s="637"/>
    </row>
    <row r="188" spans="1:37" s="28" customFormat="1" ht="13.5" customHeight="1">
      <c r="A188" s="7"/>
      <c r="B188" s="7"/>
      <c r="C188" s="7"/>
      <c r="D188" s="7"/>
      <c r="E188" s="7"/>
      <c r="F188" s="7"/>
      <c r="G188" s="7"/>
      <c r="H188" s="7"/>
      <c r="I188" s="7"/>
      <c r="J188" s="7"/>
      <c r="K188" s="7"/>
      <c r="L188" s="7"/>
      <c r="M188" s="7"/>
      <c r="N188" s="7"/>
      <c r="O188" s="7"/>
      <c r="P188" s="7"/>
      <c r="Q188" s="7"/>
      <c r="R188" s="7"/>
      <c r="S188" s="7"/>
      <c r="T188" s="7"/>
      <c r="U188" s="7"/>
      <c r="V188" s="7"/>
      <c r="W188" s="7"/>
      <c r="X188" s="7"/>
      <c r="Y188" s="7"/>
      <c r="Z188" s="8"/>
      <c r="AA188" s="3"/>
      <c r="AB188" s="3"/>
      <c r="AC188" s="3"/>
      <c r="AD188" s="3"/>
      <c r="AE188" s="3"/>
      <c r="AF188" s="3"/>
      <c r="AG188" s="3" t="s">
        <v>337</v>
      </c>
    </row>
    <row r="189" spans="1:37" s="28" customFormat="1" ht="15.95" customHeight="1">
      <c r="A189" s="7"/>
      <c r="B189" s="7"/>
      <c r="C189" s="7"/>
      <c r="D189" s="7"/>
      <c r="E189" s="7"/>
      <c r="F189" s="7"/>
      <c r="G189" s="7"/>
      <c r="H189" s="7"/>
      <c r="I189" s="7"/>
      <c r="J189" s="7"/>
      <c r="K189" s="7"/>
      <c r="L189" s="7"/>
      <c r="M189" s="7"/>
      <c r="N189" s="7"/>
      <c r="O189" s="7"/>
      <c r="P189" s="7"/>
      <c r="Q189" s="7"/>
      <c r="R189" s="7"/>
      <c r="S189" s="7"/>
      <c r="T189" s="7"/>
      <c r="U189" s="7"/>
      <c r="V189" s="7"/>
      <c r="W189" s="7"/>
      <c r="X189" s="7"/>
      <c r="Y189" s="7"/>
      <c r="Z189" s="8"/>
      <c r="AA189" s="3"/>
      <c r="AB189" s="3"/>
      <c r="AC189" s="3"/>
      <c r="AD189" s="3"/>
      <c r="AE189" s="3"/>
      <c r="AF189" s="3"/>
      <c r="AG189" s="3"/>
    </row>
    <row r="190" spans="1:37" s="5" customFormat="1" ht="20.100000000000001" customHeight="1">
      <c r="A190" s="18" t="s">
        <v>166</v>
      </c>
      <c r="AG190" s="4" t="s">
        <v>205</v>
      </c>
    </row>
    <row r="191" spans="1:37" s="1" customFormat="1" ht="15.95" customHeight="1">
      <c r="A191" s="189" t="s">
        <v>32</v>
      </c>
      <c r="B191" s="190"/>
      <c r="C191" s="190"/>
      <c r="D191" s="191"/>
      <c r="E191" s="748" t="s">
        <v>287</v>
      </c>
      <c r="F191" s="749"/>
      <c r="G191" s="749"/>
      <c r="H191" s="749"/>
      <c r="I191" s="749"/>
      <c r="J191" s="749"/>
      <c r="K191" s="749"/>
      <c r="L191" s="749"/>
      <c r="M191" s="749"/>
      <c r="N191" s="749"/>
      <c r="O191" s="749"/>
      <c r="P191" s="749"/>
      <c r="Q191" s="750"/>
      <c r="R191" s="495" t="s">
        <v>101</v>
      </c>
      <c r="S191" s="496"/>
      <c r="T191" s="496"/>
      <c r="U191" s="496"/>
      <c r="V191" s="496"/>
      <c r="W191" s="496"/>
      <c r="X191" s="496"/>
      <c r="Y191" s="639"/>
      <c r="Z191" s="495" t="s">
        <v>198</v>
      </c>
      <c r="AA191" s="496"/>
      <c r="AB191" s="496"/>
      <c r="AC191" s="496"/>
      <c r="AD191" s="496"/>
      <c r="AE191" s="496"/>
      <c r="AF191" s="496"/>
      <c r="AG191" s="497"/>
    </row>
    <row r="192" spans="1:37" s="1" customFormat="1" ht="15.95" customHeight="1">
      <c r="A192" s="138" t="s">
        <v>31</v>
      </c>
      <c r="B192" s="139"/>
      <c r="C192" s="139"/>
      <c r="D192" s="140"/>
      <c r="E192" s="230" t="s">
        <v>310</v>
      </c>
      <c r="F192" s="231"/>
      <c r="G192" s="231"/>
      <c r="H192" s="231"/>
      <c r="I192" s="231"/>
      <c r="J192" s="232"/>
      <c r="K192" s="442" t="s">
        <v>102</v>
      </c>
      <c r="L192" s="443"/>
      <c r="M192" s="443"/>
      <c r="N192" s="443"/>
      <c r="O192" s="443"/>
      <c r="P192" s="443"/>
      <c r="Q192" s="444"/>
      <c r="R192" s="442" t="s">
        <v>97</v>
      </c>
      <c r="S192" s="443"/>
      <c r="T192" s="443"/>
      <c r="U192" s="444"/>
      <c r="V192" s="442" t="s">
        <v>102</v>
      </c>
      <c r="W192" s="443"/>
      <c r="X192" s="443"/>
      <c r="Y192" s="444"/>
      <c r="Z192" s="442" t="s">
        <v>97</v>
      </c>
      <c r="AA192" s="443"/>
      <c r="AB192" s="443"/>
      <c r="AC192" s="444"/>
      <c r="AD192" s="442" t="s">
        <v>102</v>
      </c>
      <c r="AE192" s="443"/>
      <c r="AF192" s="443"/>
      <c r="AG192" s="638"/>
    </row>
    <row r="193" spans="1:33" s="1" customFormat="1" ht="20.100000000000001" customHeight="1">
      <c r="A193" s="454">
        <v>4</v>
      </c>
      <c r="B193" s="455"/>
      <c r="C193" s="455"/>
      <c r="D193" s="456"/>
      <c r="E193" s="783">
        <v>5282</v>
      </c>
      <c r="F193" s="784"/>
      <c r="G193" s="784"/>
      <c r="H193" s="784"/>
      <c r="I193" s="784"/>
      <c r="J193" s="784"/>
      <c r="K193" s="865">
        <v>1120920</v>
      </c>
      <c r="L193" s="865"/>
      <c r="M193" s="865"/>
      <c r="N193" s="865"/>
      <c r="O193" s="865"/>
      <c r="P193" s="865"/>
      <c r="Q193" s="865"/>
      <c r="R193" s="445">
        <v>399</v>
      </c>
      <c r="S193" s="445"/>
      <c r="T193" s="445"/>
      <c r="U193" s="445"/>
      <c r="V193" s="445">
        <v>10990</v>
      </c>
      <c r="W193" s="445"/>
      <c r="X193" s="445"/>
      <c r="Y193" s="445"/>
      <c r="Z193" s="445">
        <v>229</v>
      </c>
      <c r="AA193" s="445"/>
      <c r="AB193" s="445"/>
      <c r="AC193" s="445"/>
      <c r="AD193" s="445">
        <v>7039</v>
      </c>
      <c r="AE193" s="445"/>
      <c r="AF193" s="445"/>
      <c r="AG193" s="635"/>
    </row>
    <row r="194" spans="1:33" s="1" customFormat="1" ht="20.100000000000001" customHeight="1">
      <c r="A194" s="761">
        <v>5</v>
      </c>
      <c r="B194" s="762"/>
      <c r="C194" s="762"/>
      <c r="D194" s="763"/>
      <c r="E194" s="457">
        <v>5000</v>
      </c>
      <c r="F194" s="445"/>
      <c r="G194" s="445"/>
      <c r="H194" s="445"/>
      <c r="I194" s="445"/>
      <c r="J194" s="445"/>
      <c r="K194" s="445">
        <v>1079055</v>
      </c>
      <c r="L194" s="445"/>
      <c r="M194" s="445"/>
      <c r="N194" s="445"/>
      <c r="O194" s="445"/>
      <c r="P194" s="445"/>
      <c r="Q194" s="445"/>
      <c r="R194" s="445">
        <v>405</v>
      </c>
      <c r="S194" s="445"/>
      <c r="T194" s="445"/>
      <c r="U194" s="445"/>
      <c r="V194" s="445">
        <v>10967</v>
      </c>
      <c r="W194" s="445"/>
      <c r="X194" s="445"/>
      <c r="Y194" s="445"/>
      <c r="Z194" s="445">
        <v>243</v>
      </c>
      <c r="AA194" s="445"/>
      <c r="AB194" s="445"/>
      <c r="AC194" s="445"/>
      <c r="AD194" s="445">
        <v>7320</v>
      </c>
      <c r="AE194" s="445"/>
      <c r="AF194" s="445"/>
      <c r="AG194" s="635"/>
    </row>
    <row r="195" spans="1:33" s="28" customFormat="1" ht="20.100000000000001" customHeight="1">
      <c r="A195" s="778">
        <v>6</v>
      </c>
      <c r="B195" s="779"/>
      <c r="C195" s="779"/>
      <c r="D195" s="780"/>
      <c r="E195" s="458">
        <v>6465</v>
      </c>
      <c r="F195" s="459"/>
      <c r="G195" s="459"/>
      <c r="H195" s="459"/>
      <c r="I195" s="459"/>
      <c r="J195" s="459"/>
      <c r="K195" s="459">
        <v>1263405</v>
      </c>
      <c r="L195" s="459"/>
      <c r="M195" s="459"/>
      <c r="N195" s="459"/>
      <c r="O195" s="459"/>
      <c r="P195" s="459"/>
      <c r="Q195" s="459"/>
      <c r="R195" s="446">
        <v>399</v>
      </c>
      <c r="S195" s="446"/>
      <c r="T195" s="446"/>
      <c r="U195" s="446"/>
      <c r="V195" s="203">
        <v>11210</v>
      </c>
      <c r="W195" s="203"/>
      <c r="X195" s="203"/>
      <c r="Y195" s="203"/>
      <c r="Z195" s="446">
        <v>258</v>
      </c>
      <c r="AA195" s="446"/>
      <c r="AB195" s="446"/>
      <c r="AC195" s="446"/>
      <c r="AD195" s="203">
        <v>7786</v>
      </c>
      <c r="AE195" s="203"/>
      <c r="AF195" s="203"/>
      <c r="AG195" s="204"/>
    </row>
    <row r="196" spans="1:33" s="7" customFormat="1" ht="13.5" customHeight="1">
      <c r="A196" s="25"/>
      <c r="B196" s="8"/>
      <c r="C196" s="8"/>
      <c r="D196" s="8"/>
      <c r="E196" s="8"/>
      <c r="F196" s="8"/>
      <c r="J196" s="3"/>
      <c r="K196" s="3"/>
      <c r="M196" s="8"/>
      <c r="N196" s="8"/>
      <c r="O196" s="8"/>
      <c r="P196" s="8"/>
      <c r="Q196" s="8"/>
      <c r="R196" s="8"/>
      <c r="S196" s="8"/>
      <c r="T196" s="8"/>
      <c r="U196" s="8"/>
      <c r="V196" s="8"/>
      <c r="W196" s="8"/>
      <c r="X196" s="8"/>
      <c r="Y196" s="8"/>
      <c r="Z196" s="8"/>
      <c r="AA196" s="3"/>
      <c r="AB196" s="3"/>
      <c r="AC196" s="3"/>
      <c r="AD196" s="3"/>
      <c r="AE196" s="3"/>
      <c r="AF196" s="3"/>
      <c r="AG196" s="3" t="s">
        <v>279</v>
      </c>
    </row>
    <row r="197" spans="1:33" s="1" customFormat="1" ht="15.95" customHeight="1">
      <c r="Z197" s="9"/>
      <c r="AA197" s="2"/>
      <c r="AB197" s="2"/>
      <c r="AC197" s="2"/>
      <c r="AD197" s="2"/>
      <c r="AE197" s="2"/>
      <c r="AF197" s="2"/>
      <c r="AG197" s="2"/>
    </row>
    <row r="198" spans="1:33" s="5" customFormat="1" ht="20.100000000000001" customHeight="1">
      <c r="A198" s="18" t="s">
        <v>153</v>
      </c>
    </row>
    <row r="199" spans="1:33" s="1" customFormat="1" ht="15.95" customHeight="1">
      <c r="B199" s="6" t="s">
        <v>15</v>
      </c>
      <c r="Y199" s="9"/>
      <c r="Z199" s="9"/>
      <c r="AA199" s="2"/>
      <c r="AB199" s="2"/>
      <c r="AC199" s="2"/>
      <c r="AE199" s="2"/>
      <c r="AF199" s="2"/>
      <c r="AG199" s="4" t="s">
        <v>20</v>
      </c>
    </row>
    <row r="200" spans="1:33" s="1" customFormat="1" ht="15.75" customHeight="1">
      <c r="A200" s="189" t="s">
        <v>32</v>
      </c>
      <c r="B200" s="190"/>
      <c r="C200" s="190"/>
      <c r="D200" s="190"/>
      <c r="E200" s="190"/>
      <c r="F200" s="191"/>
      <c r="G200" s="767" t="s">
        <v>199</v>
      </c>
      <c r="H200" s="768"/>
      <c r="I200" s="768"/>
      <c r="J200" s="768"/>
      <c r="K200" s="768"/>
      <c r="L200" s="768"/>
      <c r="M200" s="768"/>
      <c r="N200" s="768"/>
      <c r="O200" s="769"/>
      <c r="P200" s="767" t="s">
        <v>200</v>
      </c>
      <c r="Q200" s="768"/>
      <c r="R200" s="768"/>
      <c r="S200" s="768"/>
      <c r="T200" s="768"/>
      <c r="U200" s="768"/>
      <c r="V200" s="768"/>
      <c r="W200" s="768"/>
      <c r="X200" s="769"/>
      <c r="Y200" s="767" t="s">
        <v>201</v>
      </c>
      <c r="Z200" s="768"/>
      <c r="AA200" s="768"/>
      <c r="AB200" s="768"/>
      <c r="AC200" s="768"/>
      <c r="AD200" s="768"/>
      <c r="AE200" s="768"/>
      <c r="AF200" s="768"/>
      <c r="AG200" s="777"/>
    </row>
    <row r="201" spans="1:33" s="1" customFormat="1" ht="15.75" customHeight="1">
      <c r="A201" s="138" t="s">
        <v>31</v>
      </c>
      <c r="B201" s="139"/>
      <c r="C201" s="139"/>
      <c r="D201" s="139"/>
      <c r="E201" s="139"/>
      <c r="F201" s="140"/>
      <c r="G201" s="431" t="s">
        <v>202</v>
      </c>
      <c r="H201" s="285"/>
      <c r="I201" s="285"/>
      <c r="J201" s="285"/>
      <c r="K201" s="285"/>
      <c r="L201" s="285"/>
      <c r="M201" s="285"/>
      <c r="N201" s="285"/>
      <c r="O201" s="286"/>
      <c r="P201" s="431" t="s">
        <v>203</v>
      </c>
      <c r="Q201" s="285"/>
      <c r="R201" s="285"/>
      <c r="S201" s="285"/>
      <c r="T201" s="285"/>
      <c r="U201" s="285"/>
      <c r="V201" s="285"/>
      <c r="W201" s="285"/>
      <c r="X201" s="286"/>
      <c r="Y201" s="431" t="s">
        <v>204</v>
      </c>
      <c r="Z201" s="285"/>
      <c r="AA201" s="285"/>
      <c r="AB201" s="285"/>
      <c r="AC201" s="285"/>
      <c r="AD201" s="285"/>
      <c r="AE201" s="285"/>
      <c r="AF201" s="285"/>
      <c r="AG201" s="633"/>
    </row>
    <row r="202" spans="1:33" s="1" customFormat="1" ht="20.100000000000001" customHeight="1">
      <c r="A202" s="841">
        <v>4</v>
      </c>
      <c r="B202" s="842"/>
      <c r="C202" s="842"/>
      <c r="D202" s="842"/>
      <c r="E202" s="842"/>
      <c r="F202" s="843"/>
      <c r="G202" s="152">
        <v>56</v>
      </c>
      <c r="H202" s="153"/>
      <c r="I202" s="153"/>
      <c r="J202" s="153"/>
      <c r="K202" s="153"/>
      <c r="L202" s="153"/>
      <c r="M202" s="153"/>
      <c r="N202" s="153"/>
      <c r="O202" s="153"/>
      <c r="P202" s="153">
        <v>2988</v>
      </c>
      <c r="Q202" s="153"/>
      <c r="R202" s="153"/>
      <c r="S202" s="153"/>
      <c r="T202" s="153"/>
      <c r="U202" s="153"/>
      <c r="V202" s="153"/>
      <c r="W202" s="153"/>
      <c r="X202" s="153"/>
      <c r="Y202" s="153">
        <v>48</v>
      </c>
      <c r="Z202" s="153"/>
      <c r="AA202" s="153"/>
      <c r="AB202" s="153"/>
      <c r="AC202" s="153"/>
      <c r="AD202" s="153"/>
      <c r="AE202" s="153"/>
      <c r="AF202" s="153"/>
      <c r="AG202" s="789"/>
    </row>
    <row r="203" spans="1:33" s="1" customFormat="1" ht="20.100000000000001" customHeight="1">
      <c r="A203" s="799">
        <v>5</v>
      </c>
      <c r="B203" s="800"/>
      <c r="C203" s="800"/>
      <c r="D203" s="800"/>
      <c r="E203" s="800"/>
      <c r="F203" s="801"/>
      <c r="G203" s="211">
        <v>49</v>
      </c>
      <c r="H203" s="131"/>
      <c r="I203" s="131"/>
      <c r="J203" s="131"/>
      <c r="K203" s="131"/>
      <c r="L203" s="131"/>
      <c r="M203" s="131"/>
      <c r="N203" s="131"/>
      <c r="O203" s="131"/>
      <c r="P203" s="131">
        <v>3027</v>
      </c>
      <c r="Q203" s="131"/>
      <c r="R203" s="131"/>
      <c r="S203" s="131"/>
      <c r="T203" s="131"/>
      <c r="U203" s="131"/>
      <c r="V203" s="131"/>
      <c r="W203" s="131"/>
      <c r="X203" s="131"/>
      <c r="Y203" s="131">
        <v>47</v>
      </c>
      <c r="Z203" s="131"/>
      <c r="AA203" s="131"/>
      <c r="AB203" s="131"/>
      <c r="AC203" s="131"/>
      <c r="AD203" s="131"/>
      <c r="AE203" s="131"/>
      <c r="AF203" s="131"/>
      <c r="AG203" s="805"/>
    </row>
    <row r="204" spans="1:33" s="28" customFormat="1" ht="20.100000000000001" customHeight="1">
      <c r="A204" s="869">
        <v>6</v>
      </c>
      <c r="B204" s="870"/>
      <c r="C204" s="870"/>
      <c r="D204" s="870"/>
      <c r="E204" s="870"/>
      <c r="F204" s="871"/>
      <c r="G204" s="434">
        <v>47</v>
      </c>
      <c r="H204" s="122"/>
      <c r="I204" s="122"/>
      <c r="J204" s="122"/>
      <c r="K204" s="122"/>
      <c r="L204" s="122"/>
      <c r="M204" s="122"/>
      <c r="N204" s="122"/>
      <c r="O204" s="122"/>
      <c r="P204" s="122">
        <v>3087</v>
      </c>
      <c r="Q204" s="122"/>
      <c r="R204" s="122"/>
      <c r="S204" s="122"/>
      <c r="T204" s="122"/>
      <c r="U204" s="122"/>
      <c r="V204" s="122"/>
      <c r="W204" s="122"/>
      <c r="X204" s="122"/>
      <c r="Y204" s="122">
        <v>45</v>
      </c>
      <c r="Z204" s="122"/>
      <c r="AA204" s="122"/>
      <c r="AB204" s="122"/>
      <c r="AC204" s="122"/>
      <c r="AD204" s="122"/>
      <c r="AE204" s="122"/>
      <c r="AF204" s="122"/>
      <c r="AG204" s="181"/>
    </row>
    <row r="205" spans="1:33" customFormat="1" ht="13.5" customHeight="1">
      <c r="A205" s="20"/>
      <c r="B205" s="20"/>
      <c r="C205" s="20"/>
      <c r="D205" s="20"/>
      <c r="E205" s="20"/>
      <c r="F205" s="20"/>
      <c r="G205" s="20"/>
      <c r="H205" s="20"/>
      <c r="I205" s="20"/>
      <c r="J205" s="44"/>
      <c r="K205" s="44"/>
      <c r="L205" s="44"/>
      <c r="M205" s="44"/>
      <c r="N205" s="44"/>
      <c r="O205" s="44"/>
      <c r="P205" s="44"/>
      <c r="Q205" s="44"/>
      <c r="R205" s="44"/>
      <c r="S205" s="44"/>
      <c r="T205" s="44"/>
      <c r="U205" s="44"/>
      <c r="V205" s="44"/>
      <c r="W205" s="44"/>
      <c r="X205" s="44"/>
      <c r="Y205" s="44"/>
      <c r="Z205" s="44"/>
      <c r="AA205" s="151" t="s">
        <v>329</v>
      </c>
      <c r="AB205" s="151"/>
      <c r="AC205" s="151"/>
      <c r="AD205" s="151"/>
      <c r="AE205" s="151"/>
      <c r="AF205" s="151"/>
      <c r="AG205" s="151"/>
    </row>
    <row r="206" spans="1:33" s="7" customFormat="1" ht="15.95" customHeight="1">
      <c r="A206" s="20"/>
      <c r="B206" s="20"/>
      <c r="C206" s="20"/>
      <c r="D206" s="20"/>
      <c r="E206" s="20"/>
      <c r="F206" s="20"/>
      <c r="G206" s="20"/>
      <c r="H206" s="20"/>
      <c r="I206" s="20"/>
      <c r="J206" s="44"/>
      <c r="K206" s="44"/>
      <c r="L206" s="44"/>
      <c r="M206" s="44"/>
      <c r="N206" s="44"/>
      <c r="O206" s="44"/>
      <c r="P206" s="44"/>
      <c r="Q206" s="44"/>
      <c r="R206" s="44"/>
      <c r="S206" s="44"/>
      <c r="T206" s="44"/>
      <c r="U206" s="44"/>
      <c r="V206" s="44"/>
      <c r="W206" s="44"/>
      <c r="X206" s="44"/>
      <c r="Y206" s="44"/>
      <c r="Z206" s="44"/>
      <c r="AA206" s="3"/>
      <c r="AB206" s="3"/>
      <c r="AC206" s="3"/>
      <c r="AD206" s="3"/>
      <c r="AE206" s="3"/>
      <c r="AF206" s="3"/>
      <c r="AG206" s="3"/>
    </row>
    <row r="207" spans="1:33" s="5" customFormat="1" ht="20.100000000000001" customHeight="1">
      <c r="A207" s="18" t="s">
        <v>154</v>
      </c>
      <c r="Y207" s="4" t="s">
        <v>274</v>
      </c>
    </row>
    <row r="208" spans="1:33" s="1" customFormat="1" ht="15.75" customHeight="1">
      <c r="A208" s="189" t="s">
        <v>32</v>
      </c>
      <c r="B208" s="190"/>
      <c r="C208" s="190"/>
      <c r="D208" s="190"/>
      <c r="E208" s="190"/>
      <c r="F208" s="190"/>
      <c r="G208" s="190"/>
      <c r="H208" s="190"/>
      <c r="I208" s="191"/>
      <c r="J208" s="684" t="s">
        <v>103</v>
      </c>
      <c r="K208" s="685"/>
      <c r="L208" s="685"/>
      <c r="M208" s="685"/>
      <c r="N208" s="685"/>
      <c r="O208" s="685"/>
      <c r="P208" s="685"/>
      <c r="Q208" s="802"/>
      <c r="R208" s="815" t="s">
        <v>324</v>
      </c>
      <c r="S208" s="816"/>
      <c r="T208" s="816"/>
      <c r="U208" s="816"/>
      <c r="V208" s="816"/>
      <c r="W208" s="816"/>
      <c r="X208" s="816"/>
      <c r="Y208" s="817"/>
    </row>
    <row r="209" spans="1:33" s="1" customFormat="1" ht="15.75" customHeight="1">
      <c r="A209" s="138" t="s">
        <v>31</v>
      </c>
      <c r="B209" s="139"/>
      <c r="C209" s="139"/>
      <c r="D209" s="139"/>
      <c r="E209" s="139"/>
      <c r="F209" s="139"/>
      <c r="G209" s="139"/>
      <c r="H209" s="139"/>
      <c r="I209" s="140"/>
      <c r="J209" s="426" t="s">
        <v>98</v>
      </c>
      <c r="K209" s="427"/>
      <c r="L209" s="427"/>
      <c r="M209" s="428"/>
      <c r="N209" s="426" t="s">
        <v>215</v>
      </c>
      <c r="O209" s="427"/>
      <c r="P209" s="427"/>
      <c r="Q209" s="428"/>
      <c r="R209" s="426" t="s">
        <v>225</v>
      </c>
      <c r="S209" s="427"/>
      <c r="T209" s="427"/>
      <c r="U209" s="428"/>
      <c r="V209" s="426" t="s">
        <v>215</v>
      </c>
      <c r="W209" s="427"/>
      <c r="X209" s="427"/>
      <c r="Y209" s="677"/>
    </row>
    <row r="210" spans="1:33" s="1" customFormat="1" ht="15.75" customHeight="1">
      <c r="A210" s="435">
        <v>4</v>
      </c>
      <c r="B210" s="436"/>
      <c r="C210" s="436"/>
      <c r="D210" s="436"/>
      <c r="E210" s="436"/>
      <c r="F210" s="436"/>
      <c r="G210" s="436"/>
      <c r="H210" s="436"/>
      <c r="I210" s="437"/>
      <c r="J210" s="429">
        <v>30</v>
      </c>
      <c r="K210" s="430"/>
      <c r="L210" s="430"/>
      <c r="M210" s="430"/>
      <c r="N210" s="430">
        <v>10634</v>
      </c>
      <c r="O210" s="430"/>
      <c r="P210" s="430"/>
      <c r="Q210" s="430"/>
      <c r="R210" s="430">
        <v>23</v>
      </c>
      <c r="S210" s="430"/>
      <c r="T210" s="430"/>
      <c r="U210" s="430"/>
      <c r="V210" s="430">
        <v>855</v>
      </c>
      <c r="W210" s="430"/>
      <c r="X210" s="430"/>
      <c r="Y210" s="818"/>
    </row>
    <row r="211" spans="1:33" s="1" customFormat="1" ht="15.75" customHeight="1">
      <c r="A211" s="450">
        <v>5</v>
      </c>
      <c r="B211" s="451"/>
      <c r="C211" s="451"/>
      <c r="D211" s="451"/>
      <c r="E211" s="451"/>
      <c r="F211" s="451"/>
      <c r="G211" s="451"/>
      <c r="H211" s="451"/>
      <c r="I211" s="452"/>
      <c r="J211" s="432">
        <v>25</v>
      </c>
      <c r="K211" s="433"/>
      <c r="L211" s="433"/>
      <c r="M211" s="433"/>
      <c r="N211" s="433">
        <v>10848</v>
      </c>
      <c r="O211" s="433"/>
      <c r="P211" s="433"/>
      <c r="Q211" s="433"/>
      <c r="R211" s="433">
        <v>17</v>
      </c>
      <c r="S211" s="433"/>
      <c r="T211" s="433"/>
      <c r="U211" s="433"/>
      <c r="V211" s="433">
        <v>1065</v>
      </c>
      <c r="W211" s="433"/>
      <c r="X211" s="433"/>
      <c r="Y211" s="785"/>
    </row>
    <row r="212" spans="1:33" s="28" customFormat="1" ht="15.75" customHeight="1">
      <c r="A212" s="447">
        <v>6</v>
      </c>
      <c r="B212" s="448"/>
      <c r="C212" s="448"/>
      <c r="D212" s="448"/>
      <c r="E212" s="448"/>
      <c r="F212" s="448"/>
      <c r="G212" s="448"/>
      <c r="H212" s="448"/>
      <c r="I212" s="449"/>
      <c r="J212" s="453">
        <v>29</v>
      </c>
      <c r="K212" s="441"/>
      <c r="L212" s="441"/>
      <c r="M212" s="441"/>
      <c r="N212" s="441">
        <v>11751</v>
      </c>
      <c r="O212" s="441"/>
      <c r="P212" s="441"/>
      <c r="Q212" s="441"/>
      <c r="R212" s="441">
        <v>23</v>
      </c>
      <c r="S212" s="441"/>
      <c r="T212" s="441"/>
      <c r="U212" s="441"/>
      <c r="V212" s="441">
        <v>623</v>
      </c>
      <c r="W212" s="441"/>
      <c r="X212" s="441"/>
      <c r="Y212" s="844"/>
    </row>
    <row r="213" spans="1:33" s="7" customFormat="1" ht="13.5" customHeight="1">
      <c r="A213" s="13"/>
      <c r="O213" s="3"/>
      <c r="P213" s="3"/>
      <c r="Q213" s="3"/>
      <c r="R213" s="3"/>
      <c r="S213" s="3"/>
      <c r="T213" s="3"/>
      <c r="U213" s="3"/>
      <c r="V213" s="3"/>
      <c r="W213" s="3"/>
      <c r="X213" s="3"/>
      <c r="Y213" s="3" t="s">
        <v>16</v>
      </c>
    </row>
    <row r="214" spans="1:33" s="7" customFormat="1" ht="15.95" customHeight="1">
      <c r="A214" s="1"/>
      <c r="B214" s="1"/>
      <c r="C214" s="1"/>
      <c r="D214" s="1"/>
      <c r="E214" s="1"/>
      <c r="F214" s="1"/>
      <c r="G214" s="1"/>
      <c r="H214" s="1"/>
      <c r="I214" s="1"/>
      <c r="J214" s="1"/>
      <c r="K214" s="1"/>
      <c r="L214" s="1"/>
      <c r="M214" s="1"/>
      <c r="N214" s="1"/>
      <c r="O214" s="1"/>
      <c r="P214" s="1"/>
      <c r="Q214" s="1"/>
      <c r="R214" s="1"/>
      <c r="S214" s="1"/>
      <c r="T214" s="1"/>
      <c r="U214" s="1"/>
      <c r="V214" s="1"/>
      <c r="W214" s="1"/>
      <c r="X214" s="1"/>
      <c r="Y214" s="1"/>
      <c r="Z214" s="3"/>
      <c r="AA214" s="3"/>
      <c r="AB214" s="3"/>
      <c r="AC214" s="3"/>
      <c r="AD214" s="3"/>
      <c r="AE214" s="3"/>
      <c r="AF214" s="3"/>
      <c r="AG214" s="78"/>
    </row>
    <row r="215" spans="1:33" s="5" customFormat="1" ht="20.100000000000001" customHeight="1">
      <c r="A215" s="18" t="s">
        <v>155</v>
      </c>
      <c r="AG215" s="4" t="s">
        <v>25</v>
      </c>
    </row>
    <row r="216" spans="1:33" s="1" customFormat="1" ht="15.75" customHeight="1">
      <c r="A216" s="189" t="s">
        <v>32</v>
      </c>
      <c r="B216" s="190"/>
      <c r="C216" s="190"/>
      <c r="D216" s="190"/>
      <c r="E216" s="190"/>
      <c r="F216" s="190"/>
      <c r="G216" s="190"/>
      <c r="H216" s="190"/>
      <c r="I216" s="191"/>
      <c r="J216" s="691" t="s">
        <v>226</v>
      </c>
      <c r="K216" s="692"/>
      <c r="L216" s="692"/>
      <c r="M216" s="692"/>
      <c r="N216" s="692"/>
      <c r="O216" s="693"/>
      <c r="P216" s="438" t="s">
        <v>227</v>
      </c>
      <c r="Q216" s="439"/>
      <c r="R216" s="439"/>
      <c r="S216" s="439"/>
      <c r="T216" s="439"/>
      <c r="U216" s="439"/>
      <c r="V216" s="439"/>
      <c r="W216" s="439"/>
      <c r="X216" s="439"/>
      <c r="Y216" s="439"/>
      <c r="Z216" s="439"/>
      <c r="AA216" s="439"/>
      <c r="AB216" s="439"/>
      <c r="AC216" s="439"/>
      <c r="AD216" s="439"/>
      <c r="AE216" s="439"/>
      <c r="AF216" s="439"/>
      <c r="AG216" s="440"/>
    </row>
    <row r="217" spans="1:33" s="1" customFormat="1" ht="14.1" customHeight="1">
      <c r="A217" s="208"/>
      <c r="B217" s="209"/>
      <c r="C217" s="209"/>
      <c r="D217" s="209"/>
      <c r="E217" s="209"/>
      <c r="F217" s="209"/>
      <c r="G217" s="209"/>
      <c r="H217" s="209"/>
      <c r="I217" s="210"/>
      <c r="J217" s="698"/>
      <c r="K217" s="699"/>
      <c r="L217" s="699"/>
      <c r="M217" s="699"/>
      <c r="N217" s="699"/>
      <c r="O217" s="700"/>
      <c r="P217" s="545" t="s">
        <v>228</v>
      </c>
      <c r="Q217" s="546"/>
      <c r="R217" s="546"/>
      <c r="S217" s="546"/>
      <c r="T217" s="546"/>
      <c r="U217" s="547"/>
      <c r="V217" s="545" t="s">
        <v>229</v>
      </c>
      <c r="W217" s="546"/>
      <c r="X217" s="546"/>
      <c r="Y217" s="546"/>
      <c r="Z217" s="546"/>
      <c r="AA217" s="547"/>
      <c r="AB217" s="545" t="s">
        <v>230</v>
      </c>
      <c r="AC217" s="546"/>
      <c r="AD217" s="546"/>
      <c r="AE217" s="546"/>
      <c r="AF217" s="546"/>
      <c r="AG217" s="824"/>
    </row>
    <row r="218" spans="1:33" s="1" customFormat="1" ht="14.1" customHeight="1">
      <c r="A218" s="138" t="s">
        <v>31</v>
      </c>
      <c r="B218" s="139"/>
      <c r="C218" s="139"/>
      <c r="D218" s="139"/>
      <c r="E218" s="139"/>
      <c r="F218" s="139"/>
      <c r="G218" s="139"/>
      <c r="H218" s="139"/>
      <c r="I218" s="140"/>
      <c r="J218" s="694"/>
      <c r="K218" s="695"/>
      <c r="L218" s="695"/>
      <c r="M218" s="695"/>
      <c r="N218" s="695"/>
      <c r="O218" s="696"/>
      <c r="P218" s="522"/>
      <c r="Q218" s="523"/>
      <c r="R218" s="523"/>
      <c r="S218" s="523"/>
      <c r="T218" s="523"/>
      <c r="U218" s="524"/>
      <c r="V218" s="522"/>
      <c r="W218" s="523"/>
      <c r="X218" s="523"/>
      <c r="Y218" s="523"/>
      <c r="Z218" s="523"/>
      <c r="AA218" s="524"/>
      <c r="AB218" s="522"/>
      <c r="AC218" s="523"/>
      <c r="AD218" s="523"/>
      <c r="AE218" s="523"/>
      <c r="AF218" s="523"/>
      <c r="AG218" s="525"/>
    </row>
    <row r="219" spans="1:33" s="1" customFormat="1" ht="20.100000000000001" customHeight="1">
      <c r="A219" s="435">
        <v>4</v>
      </c>
      <c r="B219" s="436"/>
      <c r="C219" s="436"/>
      <c r="D219" s="436"/>
      <c r="E219" s="436"/>
      <c r="F219" s="436"/>
      <c r="G219" s="436"/>
      <c r="H219" s="436"/>
      <c r="I219" s="437"/>
      <c r="J219" s="160">
        <v>1228</v>
      </c>
      <c r="K219" s="151"/>
      <c r="L219" s="151"/>
      <c r="M219" s="151"/>
      <c r="N219" s="151"/>
      <c r="O219" s="151"/>
      <c r="P219" s="151">
        <v>324</v>
      </c>
      <c r="Q219" s="151"/>
      <c r="R219" s="151"/>
      <c r="S219" s="151"/>
      <c r="T219" s="151"/>
      <c r="U219" s="151"/>
      <c r="V219" s="151">
        <v>101</v>
      </c>
      <c r="W219" s="151"/>
      <c r="X219" s="151"/>
      <c r="Y219" s="151"/>
      <c r="Z219" s="151"/>
      <c r="AA219" s="151"/>
      <c r="AB219" s="151">
        <v>803</v>
      </c>
      <c r="AC219" s="151"/>
      <c r="AD219" s="151"/>
      <c r="AE219" s="151"/>
      <c r="AF219" s="151"/>
      <c r="AG219" s="739"/>
    </row>
    <row r="220" spans="1:33" s="1" customFormat="1" ht="20.100000000000001" customHeight="1">
      <c r="A220" s="450">
        <v>5</v>
      </c>
      <c r="B220" s="451"/>
      <c r="C220" s="451"/>
      <c r="D220" s="451"/>
      <c r="E220" s="451"/>
      <c r="F220" s="451"/>
      <c r="G220" s="451"/>
      <c r="H220" s="451"/>
      <c r="I220" s="452"/>
      <c r="J220" s="160">
        <v>1126</v>
      </c>
      <c r="K220" s="151"/>
      <c r="L220" s="151"/>
      <c r="M220" s="151"/>
      <c r="N220" s="151"/>
      <c r="O220" s="151"/>
      <c r="P220" s="151">
        <v>310</v>
      </c>
      <c r="Q220" s="151"/>
      <c r="R220" s="151"/>
      <c r="S220" s="151"/>
      <c r="T220" s="151"/>
      <c r="U220" s="151"/>
      <c r="V220" s="151">
        <v>67</v>
      </c>
      <c r="W220" s="151"/>
      <c r="X220" s="151"/>
      <c r="Y220" s="151"/>
      <c r="Z220" s="151"/>
      <c r="AA220" s="151"/>
      <c r="AB220" s="151">
        <v>749</v>
      </c>
      <c r="AC220" s="151"/>
      <c r="AD220" s="151"/>
      <c r="AE220" s="151"/>
      <c r="AF220" s="151"/>
      <c r="AG220" s="739"/>
    </row>
    <row r="221" spans="1:33" s="28" customFormat="1" ht="20.100000000000001" customHeight="1">
      <c r="A221" s="447">
        <v>6</v>
      </c>
      <c r="B221" s="448"/>
      <c r="C221" s="448"/>
      <c r="D221" s="448"/>
      <c r="E221" s="448"/>
      <c r="F221" s="448"/>
      <c r="G221" s="448"/>
      <c r="H221" s="448"/>
      <c r="I221" s="449"/>
      <c r="J221" s="344">
        <v>1194</v>
      </c>
      <c r="K221" s="345"/>
      <c r="L221" s="345"/>
      <c r="M221" s="345"/>
      <c r="N221" s="345"/>
      <c r="O221" s="345"/>
      <c r="P221" s="122">
        <v>301</v>
      </c>
      <c r="Q221" s="122"/>
      <c r="R221" s="122"/>
      <c r="S221" s="122"/>
      <c r="T221" s="122"/>
      <c r="U221" s="122"/>
      <c r="V221" s="122">
        <v>374</v>
      </c>
      <c r="W221" s="122"/>
      <c r="X221" s="122"/>
      <c r="Y221" s="122"/>
      <c r="Z221" s="122"/>
      <c r="AA221" s="122"/>
      <c r="AB221" s="122">
        <v>519</v>
      </c>
      <c r="AC221" s="122"/>
      <c r="AD221" s="122"/>
      <c r="AE221" s="122"/>
      <c r="AF221" s="122"/>
      <c r="AG221" s="181"/>
    </row>
    <row r="222" spans="1:33" s="7" customFormat="1" ht="13.5" customHeight="1">
      <c r="A222" s="13"/>
      <c r="Z222" s="3"/>
      <c r="AA222" s="3"/>
      <c r="AB222" s="3"/>
      <c r="AC222" s="3"/>
      <c r="AD222" s="3"/>
      <c r="AE222" s="3"/>
      <c r="AF222" s="3"/>
      <c r="AG222" s="3" t="s">
        <v>26</v>
      </c>
    </row>
    <row r="223" spans="1:33" s="7" customFormat="1" ht="15.95" customHeight="1">
      <c r="Y223" s="3"/>
      <c r="Z223" s="3"/>
      <c r="AA223" s="3"/>
      <c r="AB223" s="3"/>
      <c r="AC223" s="3"/>
      <c r="AD223" s="3"/>
      <c r="AE223" s="3"/>
      <c r="AF223" s="3"/>
      <c r="AG223" s="3"/>
    </row>
    <row r="224" spans="1:33" s="63" customFormat="1" ht="20.100000000000001" customHeight="1">
      <c r="A224" s="45" t="s">
        <v>167</v>
      </c>
      <c r="B224" s="62"/>
      <c r="C224" s="62"/>
      <c r="D224" s="62"/>
      <c r="E224" s="62"/>
      <c r="F224" s="62"/>
      <c r="G224" s="62"/>
      <c r="H224" s="62"/>
      <c r="I224" s="62"/>
      <c r="J224" s="62"/>
      <c r="K224" s="62"/>
      <c r="L224" s="62"/>
      <c r="M224" s="62"/>
      <c r="N224" s="62"/>
      <c r="O224" s="62"/>
      <c r="P224" s="62"/>
      <c r="Q224" s="62"/>
      <c r="R224" s="62"/>
      <c r="S224" s="62"/>
      <c r="T224" s="62"/>
      <c r="U224" s="62"/>
      <c r="V224" s="62"/>
      <c r="W224" s="62"/>
      <c r="X224" s="62"/>
      <c r="Y224" s="62"/>
      <c r="Z224" s="62"/>
      <c r="AA224" s="62"/>
      <c r="AB224" s="46"/>
      <c r="AC224" s="46"/>
      <c r="AD224" s="46"/>
      <c r="AE224" s="46"/>
      <c r="AF224" s="46"/>
      <c r="AG224" s="47" t="s">
        <v>25</v>
      </c>
    </row>
    <row r="225" spans="1:34" customFormat="1" ht="14.1" customHeight="1">
      <c r="A225" s="872" t="s">
        <v>32</v>
      </c>
      <c r="B225" s="873"/>
      <c r="C225" s="873"/>
      <c r="D225" s="873"/>
      <c r="E225" s="874"/>
      <c r="F225" s="793" t="s">
        <v>226</v>
      </c>
      <c r="G225" s="794"/>
      <c r="H225" s="794"/>
      <c r="I225" s="794"/>
      <c r="J225" s="794"/>
      <c r="K225" s="794"/>
      <c r="L225" s="794"/>
      <c r="M225" s="876"/>
      <c r="N225" s="876"/>
      <c r="O225" s="876"/>
      <c r="P225" s="876"/>
      <c r="Q225" s="876"/>
      <c r="R225" s="876"/>
      <c r="S225" s="876"/>
      <c r="T225" s="876"/>
      <c r="U225" s="876"/>
      <c r="V225" s="876"/>
      <c r="W225" s="876"/>
      <c r="X225" s="876"/>
      <c r="Y225" s="876"/>
      <c r="Z225" s="876"/>
      <c r="AA225" s="876"/>
      <c r="AB225" s="876"/>
      <c r="AC225" s="876"/>
      <c r="AD225" s="876"/>
      <c r="AE225" s="876"/>
      <c r="AF225" s="876"/>
      <c r="AG225" s="877"/>
    </row>
    <row r="226" spans="1:34" customFormat="1" ht="14.1" customHeight="1">
      <c r="A226" s="819"/>
      <c r="B226" s="820"/>
      <c r="C226" s="820"/>
      <c r="D226" s="820"/>
      <c r="E226" s="821"/>
      <c r="F226" s="795"/>
      <c r="G226" s="796"/>
      <c r="H226" s="796"/>
      <c r="I226" s="796"/>
      <c r="J226" s="796"/>
      <c r="K226" s="796"/>
      <c r="L226" s="796"/>
      <c r="M226" s="399" t="s">
        <v>231</v>
      </c>
      <c r="N226" s="400"/>
      <c r="O226" s="400"/>
      <c r="P226" s="400"/>
      <c r="Q226" s="400"/>
      <c r="R226" s="400"/>
      <c r="S226" s="822"/>
      <c r="T226" s="847" t="s">
        <v>232</v>
      </c>
      <c r="U226" s="848"/>
      <c r="V226" s="848"/>
      <c r="W226" s="848"/>
      <c r="X226" s="848"/>
      <c r="Y226" s="848"/>
      <c r="Z226" s="849"/>
      <c r="AA226" s="399" t="s">
        <v>233</v>
      </c>
      <c r="AB226" s="400"/>
      <c r="AC226" s="400"/>
      <c r="AD226" s="400"/>
      <c r="AE226" s="400"/>
      <c r="AF226" s="400"/>
      <c r="AG226" s="401"/>
    </row>
    <row r="227" spans="1:34" customFormat="1" ht="14.1" customHeight="1">
      <c r="A227" s="866" t="s">
        <v>31</v>
      </c>
      <c r="B227" s="867"/>
      <c r="C227" s="867"/>
      <c r="D227" s="867"/>
      <c r="E227" s="868"/>
      <c r="F227" s="402"/>
      <c r="G227" s="403"/>
      <c r="H227" s="403"/>
      <c r="I227" s="403"/>
      <c r="J227" s="403"/>
      <c r="K227" s="403"/>
      <c r="L227" s="403"/>
      <c r="M227" s="402"/>
      <c r="N227" s="403"/>
      <c r="O227" s="403"/>
      <c r="P227" s="403"/>
      <c r="Q227" s="403"/>
      <c r="R227" s="403"/>
      <c r="S227" s="823"/>
      <c r="T227" s="850"/>
      <c r="U227" s="851"/>
      <c r="V227" s="851"/>
      <c r="W227" s="851"/>
      <c r="X227" s="851"/>
      <c r="Y227" s="851"/>
      <c r="Z227" s="852"/>
      <c r="AA227" s="402"/>
      <c r="AB227" s="403"/>
      <c r="AC227" s="403"/>
      <c r="AD227" s="403"/>
      <c r="AE227" s="403"/>
      <c r="AF227" s="403"/>
      <c r="AG227" s="404"/>
    </row>
    <row r="228" spans="1:34" customFormat="1" ht="20.100000000000001" customHeight="1">
      <c r="A228" s="790">
        <v>4</v>
      </c>
      <c r="B228" s="791"/>
      <c r="C228" s="791"/>
      <c r="D228" s="791"/>
      <c r="E228" s="792"/>
      <c r="F228" s="375">
        <v>556</v>
      </c>
      <c r="G228" s="376"/>
      <c r="H228" s="376"/>
      <c r="I228" s="376"/>
      <c r="J228" s="376"/>
      <c r="K228" s="376"/>
      <c r="L228" s="376"/>
      <c r="M228" s="377">
        <v>393</v>
      </c>
      <c r="N228" s="377"/>
      <c r="O228" s="377"/>
      <c r="P228" s="377"/>
      <c r="Q228" s="377"/>
      <c r="R228" s="377"/>
      <c r="S228" s="377"/>
      <c r="T228" s="377">
        <v>24</v>
      </c>
      <c r="U228" s="377"/>
      <c r="V228" s="377"/>
      <c r="W228" s="377"/>
      <c r="X228" s="377"/>
      <c r="Y228" s="377"/>
      <c r="Z228" s="377"/>
      <c r="AA228" s="377">
        <v>139</v>
      </c>
      <c r="AB228" s="377"/>
      <c r="AC228" s="377"/>
      <c r="AD228" s="377"/>
      <c r="AE228" s="377"/>
      <c r="AF228" s="377"/>
      <c r="AG228" s="854"/>
    </row>
    <row r="229" spans="1:34" customFormat="1" ht="20.100000000000001" customHeight="1">
      <c r="A229" s="378">
        <v>5</v>
      </c>
      <c r="B229" s="379"/>
      <c r="C229" s="379"/>
      <c r="D229" s="379"/>
      <c r="E229" s="380"/>
      <c r="F229" s="383">
        <v>339</v>
      </c>
      <c r="G229" s="384"/>
      <c r="H229" s="384"/>
      <c r="I229" s="384"/>
      <c r="J229" s="384"/>
      <c r="K229" s="384"/>
      <c r="L229" s="384"/>
      <c r="M229" s="804">
        <v>178</v>
      </c>
      <c r="N229" s="804"/>
      <c r="O229" s="804"/>
      <c r="P229" s="804"/>
      <c r="Q229" s="804"/>
      <c r="R229" s="804"/>
      <c r="S229" s="804"/>
      <c r="T229" s="804">
        <v>22</v>
      </c>
      <c r="U229" s="804"/>
      <c r="V229" s="804"/>
      <c r="W229" s="804"/>
      <c r="X229" s="804"/>
      <c r="Y229" s="804"/>
      <c r="Z229" s="804"/>
      <c r="AA229" s="804">
        <v>139</v>
      </c>
      <c r="AB229" s="804"/>
      <c r="AC229" s="804"/>
      <c r="AD229" s="804"/>
      <c r="AE229" s="804"/>
      <c r="AF229" s="804"/>
      <c r="AG229" s="853"/>
    </row>
    <row r="230" spans="1:34" customFormat="1" ht="20.100000000000001" customHeight="1">
      <c r="A230" s="786">
        <v>6</v>
      </c>
      <c r="B230" s="787"/>
      <c r="C230" s="787"/>
      <c r="D230" s="787"/>
      <c r="E230" s="788"/>
      <c r="F230" s="385">
        <v>351</v>
      </c>
      <c r="G230" s="386"/>
      <c r="H230" s="386"/>
      <c r="I230" s="386"/>
      <c r="J230" s="386"/>
      <c r="K230" s="386"/>
      <c r="L230" s="386"/>
      <c r="M230" s="382">
        <v>193</v>
      </c>
      <c r="N230" s="382"/>
      <c r="O230" s="382"/>
      <c r="P230" s="382"/>
      <c r="Q230" s="382"/>
      <c r="R230" s="382"/>
      <c r="S230" s="382"/>
      <c r="T230" s="382">
        <v>20</v>
      </c>
      <c r="U230" s="382"/>
      <c r="V230" s="382"/>
      <c r="W230" s="382"/>
      <c r="X230" s="382"/>
      <c r="Y230" s="382"/>
      <c r="Z230" s="382"/>
      <c r="AA230" s="382">
        <v>138</v>
      </c>
      <c r="AB230" s="382"/>
      <c r="AC230" s="382"/>
      <c r="AD230" s="382"/>
      <c r="AE230" s="382"/>
      <c r="AF230" s="382"/>
      <c r="AG230" s="803"/>
    </row>
    <row r="231" spans="1:34" customFormat="1" ht="13.5" customHeight="1">
      <c r="A231" s="48"/>
      <c r="B231" s="48"/>
      <c r="C231" s="48"/>
      <c r="D231" s="48"/>
      <c r="E231" s="48"/>
      <c r="F231" s="48"/>
      <c r="G231" s="48"/>
      <c r="H231" s="48"/>
      <c r="I231" s="48"/>
      <c r="J231" s="48"/>
      <c r="K231" s="48"/>
      <c r="L231" s="48"/>
      <c r="M231" s="48"/>
      <c r="N231" s="48"/>
      <c r="O231" s="48"/>
      <c r="P231" s="48"/>
      <c r="Q231" s="48"/>
      <c r="R231" s="48"/>
      <c r="S231" s="48"/>
      <c r="T231" s="48"/>
      <c r="U231" s="48"/>
      <c r="V231" s="48"/>
      <c r="W231" s="48"/>
      <c r="X231" s="49"/>
      <c r="Y231" s="49"/>
      <c r="Z231" s="49"/>
      <c r="AA231" s="49"/>
      <c r="AB231" s="50"/>
      <c r="AC231" s="50"/>
      <c r="AD231" s="50"/>
      <c r="AE231" s="50"/>
      <c r="AF231" s="50"/>
      <c r="AG231" s="50" t="s">
        <v>27</v>
      </c>
      <c r="AH231" s="3"/>
    </row>
    <row r="232" spans="1:34" s="7" customFormat="1" ht="15.95" customHeight="1">
      <c r="Y232" s="3"/>
      <c r="Z232" s="3"/>
      <c r="AA232" s="3"/>
      <c r="AB232" s="3"/>
      <c r="AC232" s="3"/>
      <c r="AD232" s="3"/>
      <c r="AE232" s="3"/>
      <c r="AF232" s="3"/>
      <c r="AG232" s="3"/>
    </row>
    <row r="233" spans="1:34" s="5" customFormat="1" ht="20.100000000000001" customHeight="1">
      <c r="A233" s="18" t="s">
        <v>168</v>
      </c>
    </row>
    <row r="234" spans="1:34" s="1" customFormat="1" ht="15.95" customHeight="1">
      <c r="B234" s="1" t="s">
        <v>28</v>
      </c>
      <c r="AE234" s="2"/>
      <c r="AF234" s="2"/>
      <c r="AG234" s="4" t="s">
        <v>29</v>
      </c>
    </row>
    <row r="235" spans="1:34" s="1" customFormat="1" ht="15.95" customHeight="1">
      <c r="A235" s="189" t="s">
        <v>234</v>
      </c>
      <c r="B235" s="190"/>
      <c r="C235" s="190"/>
      <c r="D235" s="190"/>
      <c r="E235" s="190"/>
      <c r="F235" s="190"/>
      <c r="G235" s="190"/>
      <c r="H235" s="190"/>
      <c r="I235" s="191"/>
      <c r="J235" s="406" t="s">
        <v>235</v>
      </c>
      <c r="K235" s="407"/>
      <c r="L235" s="407"/>
      <c r="M235" s="408"/>
      <c r="N235" s="406" t="s">
        <v>236</v>
      </c>
      <c r="O235" s="407"/>
      <c r="P235" s="407"/>
      <c r="Q235" s="408"/>
      <c r="R235" s="406" t="s">
        <v>237</v>
      </c>
      <c r="S235" s="407"/>
      <c r="T235" s="407"/>
      <c r="U235" s="408"/>
      <c r="V235" s="406" t="s">
        <v>238</v>
      </c>
      <c r="W235" s="407"/>
      <c r="X235" s="407"/>
      <c r="Y235" s="408"/>
      <c r="Z235" s="406" t="s">
        <v>80</v>
      </c>
      <c r="AA235" s="407"/>
      <c r="AB235" s="407"/>
      <c r="AC235" s="408"/>
      <c r="AD235" s="406" t="s">
        <v>81</v>
      </c>
      <c r="AE235" s="407"/>
      <c r="AF235" s="407"/>
      <c r="AG235" s="797"/>
    </row>
    <row r="236" spans="1:34" s="1" customFormat="1" ht="15.95" customHeight="1">
      <c r="A236" s="138" t="s">
        <v>239</v>
      </c>
      <c r="B236" s="139"/>
      <c r="C236" s="139"/>
      <c r="D236" s="139"/>
      <c r="E236" s="139"/>
      <c r="F236" s="139"/>
      <c r="G236" s="139"/>
      <c r="H236" s="139"/>
      <c r="I236" s="140"/>
      <c r="J236" s="409"/>
      <c r="K236" s="410"/>
      <c r="L236" s="410"/>
      <c r="M236" s="411"/>
      <c r="N236" s="409"/>
      <c r="O236" s="410"/>
      <c r="P236" s="410"/>
      <c r="Q236" s="411"/>
      <c r="R236" s="409"/>
      <c r="S236" s="410"/>
      <c r="T236" s="410"/>
      <c r="U236" s="411"/>
      <c r="V236" s="409"/>
      <c r="W236" s="410"/>
      <c r="X236" s="410"/>
      <c r="Y236" s="411"/>
      <c r="Z236" s="409"/>
      <c r="AA236" s="410"/>
      <c r="AB236" s="410"/>
      <c r="AC236" s="411"/>
      <c r="AD236" s="409"/>
      <c r="AE236" s="410"/>
      <c r="AF236" s="410"/>
      <c r="AG236" s="798"/>
    </row>
    <row r="237" spans="1:34" s="28" customFormat="1" ht="15.95" customHeight="1">
      <c r="A237" s="205">
        <v>4</v>
      </c>
      <c r="B237" s="206"/>
      <c r="C237" s="206"/>
      <c r="D237" s="207"/>
      <c r="E237" s="230" t="s">
        <v>159</v>
      </c>
      <c r="F237" s="231"/>
      <c r="G237" s="231"/>
      <c r="H237" s="231"/>
      <c r="I237" s="232"/>
      <c r="J237" s="114">
        <v>6194</v>
      </c>
      <c r="K237" s="115"/>
      <c r="L237" s="115"/>
      <c r="M237" s="115"/>
      <c r="N237" s="115">
        <v>2063</v>
      </c>
      <c r="O237" s="115"/>
      <c r="P237" s="115"/>
      <c r="Q237" s="115"/>
      <c r="R237" s="115">
        <v>1895</v>
      </c>
      <c r="S237" s="115"/>
      <c r="T237" s="115"/>
      <c r="U237" s="115"/>
      <c r="V237" s="115">
        <v>1212</v>
      </c>
      <c r="W237" s="115"/>
      <c r="X237" s="115"/>
      <c r="Y237" s="115"/>
      <c r="Z237" s="115">
        <v>761</v>
      </c>
      <c r="AA237" s="115"/>
      <c r="AB237" s="115"/>
      <c r="AC237" s="115"/>
      <c r="AD237" s="115">
        <v>263</v>
      </c>
      <c r="AE237" s="115"/>
      <c r="AF237" s="115"/>
      <c r="AG237" s="398"/>
    </row>
    <row r="238" spans="1:34" s="28" customFormat="1" ht="15.95" customHeight="1">
      <c r="A238" s="239"/>
      <c r="B238" s="240"/>
      <c r="C238" s="240"/>
      <c r="D238" s="241"/>
      <c r="E238" s="230" t="s">
        <v>160</v>
      </c>
      <c r="F238" s="231"/>
      <c r="G238" s="231"/>
      <c r="H238" s="231"/>
      <c r="I238" s="232"/>
      <c r="J238" s="114">
        <v>558</v>
      </c>
      <c r="K238" s="115"/>
      <c r="L238" s="115"/>
      <c r="M238" s="115"/>
      <c r="N238" s="115">
        <v>215</v>
      </c>
      <c r="O238" s="115"/>
      <c r="P238" s="115"/>
      <c r="Q238" s="115"/>
      <c r="R238" s="115">
        <v>111</v>
      </c>
      <c r="S238" s="115"/>
      <c r="T238" s="115"/>
      <c r="U238" s="115"/>
      <c r="V238" s="115">
        <v>37</v>
      </c>
      <c r="W238" s="115"/>
      <c r="X238" s="115"/>
      <c r="Y238" s="115"/>
      <c r="Z238" s="115">
        <v>79</v>
      </c>
      <c r="AA238" s="115"/>
      <c r="AB238" s="115"/>
      <c r="AC238" s="115"/>
      <c r="AD238" s="115">
        <v>116</v>
      </c>
      <c r="AE238" s="115"/>
      <c r="AF238" s="115"/>
      <c r="AG238" s="398"/>
    </row>
    <row r="239" spans="1:34" s="28" customFormat="1" ht="15.95" customHeight="1">
      <c r="A239" s="242"/>
      <c r="B239" s="243"/>
      <c r="C239" s="243"/>
      <c r="D239" s="244"/>
      <c r="E239" s="230" t="s">
        <v>161</v>
      </c>
      <c r="F239" s="231"/>
      <c r="G239" s="231"/>
      <c r="H239" s="231"/>
      <c r="I239" s="232"/>
      <c r="J239" s="114">
        <v>22</v>
      </c>
      <c r="K239" s="115"/>
      <c r="L239" s="115"/>
      <c r="M239" s="115"/>
      <c r="N239" s="115">
        <v>1</v>
      </c>
      <c r="O239" s="115"/>
      <c r="P239" s="115"/>
      <c r="Q239" s="115"/>
      <c r="R239" s="115">
        <v>11</v>
      </c>
      <c r="S239" s="115"/>
      <c r="T239" s="115"/>
      <c r="U239" s="115"/>
      <c r="V239" s="115">
        <v>5</v>
      </c>
      <c r="W239" s="115"/>
      <c r="X239" s="115"/>
      <c r="Y239" s="115"/>
      <c r="Z239" s="115">
        <v>4</v>
      </c>
      <c r="AA239" s="115"/>
      <c r="AB239" s="115"/>
      <c r="AC239" s="115"/>
      <c r="AD239" s="115">
        <v>1</v>
      </c>
      <c r="AE239" s="115"/>
      <c r="AF239" s="115"/>
      <c r="AG239" s="398"/>
    </row>
    <row r="240" spans="1:34" s="1" customFormat="1" ht="15.95" customHeight="1">
      <c r="A240" s="205">
        <v>5</v>
      </c>
      <c r="B240" s="206"/>
      <c r="C240" s="206"/>
      <c r="D240" s="207"/>
      <c r="E240" s="230" t="s">
        <v>159</v>
      </c>
      <c r="F240" s="231"/>
      <c r="G240" s="231"/>
      <c r="H240" s="231"/>
      <c r="I240" s="232"/>
      <c r="J240" s="114">
        <v>6073</v>
      </c>
      <c r="K240" s="115"/>
      <c r="L240" s="115"/>
      <c r="M240" s="115"/>
      <c r="N240" s="141">
        <v>2155</v>
      </c>
      <c r="O240" s="141"/>
      <c r="P240" s="141"/>
      <c r="Q240" s="141"/>
      <c r="R240" s="141">
        <v>1784</v>
      </c>
      <c r="S240" s="141"/>
      <c r="T240" s="141"/>
      <c r="U240" s="141"/>
      <c r="V240" s="141">
        <v>1103</v>
      </c>
      <c r="W240" s="141"/>
      <c r="X240" s="141"/>
      <c r="Y240" s="141"/>
      <c r="Z240" s="141">
        <v>737</v>
      </c>
      <c r="AA240" s="141"/>
      <c r="AB240" s="141"/>
      <c r="AC240" s="141"/>
      <c r="AD240" s="141">
        <v>294</v>
      </c>
      <c r="AE240" s="141"/>
      <c r="AF240" s="141"/>
      <c r="AG240" s="374"/>
    </row>
    <row r="241" spans="1:33" s="1" customFormat="1" ht="15.95" customHeight="1">
      <c r="A241" s="239"/>
      <c r="B241" s="240"/>
      <c r="C241" s="240"/>
      <c r="D241" s="241"/>
      <c r="E241" s="230" t="s">
        <v>160</v>
      </c>
      <c r="F241" s="231"/>
      <c r="G241" s="231"/>
      <c r="H241" s="231"/>
      <c r="I241" s="232"/>
      <c r="J241" s="114">
        <v>541</v>
      </c>
      <c r="K241" s="115"/>
      <c r="L241" s="115"/>
      <c r="M241" s="115"/>
      <c r="N241" s="141">
        <v>211</v>
      </c>
      <c r="O241" s="141"/>
      <c r="P241" s="141"/>
      <c r="Q241" s="141"/>
      <c r="R241" s="141">
        <v>123</v>
      </c>
      <c r="S241" s="141"/>
      <c r="T241" s="141"/>
      <c r="U241" s="141"/>
      <c r="V241" s="141">
        <v>49</v>
      </c>
      <c r="W241" s="141"/>
      <c r="X241" s="141"/>
      <c r="Y241" s="141"/>
      <c r="Z241" s="141">
        <v>77</v>
      </c>
      <c r="AA241" s="141"/>
      <c r="AB241" s="141"/>
      <c r="AC241" s="141"/>
      <c r="AD241" s="141">
        <v>81</v>
      </c>
      <c r="AE241" s="141"/>
      <c r="AF241" s="141"/>
      <c r="AG241" s="374"/>
    </row>
    <row r="242" spans="1:33" s="1" customFormat="1" ht="15.95" customHeight="1">
      <c r="A242" s="242"/>
      <c r="B242" s="243"/>
      <c r="C242" s="243"/>
      <c r="D242" s="244"/>
      <c r="E242" s="230" t="s">
        <v>161</v>
      </c>
      <c r="F242" s="231"/>
      <c r="G242" s="231"/>
      <c r="H242" s="231"/>
      <c r="I242" s="232"/>
      <c r="J242" s="114">
        <v>5</v>
      </c>
      <c r="K242" s="115"/>
      <c r="L242" s="115"/>
      <c r="M242" s="115"/>
      <c r="N242" s="141">
        <v>1</v>
      </c>
      <c r="O242" s="141"/>
      <c r="P242" s="141"/>
      <c r="Q242" s="141"/>
      <c r="R242" s="141">
        <v>2</v>
      </c>
      <c r="S242" s="141"/>
      <c r="T242" s="141"/>
      <c r="U242" s="141"/>
      <c r="V242" s="258" t="s">
        <v>162</v>
      </c>
      <c r="W242" s="258"/>
      <c r="X242" s="258"/>
      <c r="Y242" s="258"/>
      <c r="Z242" s="141">
        <v>1</v>
      </c>
      <c r="AA242" s="141"/>
      <c r="AB242" s="141"/>
      <c r="AC242" s="141"/>
      <c r="AD242" s="141">
        <v>1</v>
      </c>
      <c r="AE242" s="141"/>
      <c r="AF242" s="141"/>
      <c r="AG242" s="374"/>
    </row>
    <row r="243" spans="1:33" s="1" customFormat="1" ht="15.95" customHeight="1">
      <c r="A243" s="363">
        <v>6</v>
      </c>
      <c r="B243" s="364"/>
      <c r="C243" s="364"/>
      <c r="D243" s="365"/>
      <c r="E243" s="250" t="s">
        <v>159</v>
      </c>
      <c r="F243" s="251"/>
      <c r="G243" s="251"/>
      <c r="H243" s="251"/>
      <c r="I243" s="252"/>
      <c r="J243" s="372">
        <v>5518</v>
      </c>
      <c r="K243" s="373"/>
      <c r="L243" s="373"/>
      <c r="M243" s="373"/>
      <c r="N243" s="107">
        <v>1867</v>
      </c>
      <c r="O243" s="107"/>
      <c r="P243" s="107"/>
      <c r="Q243" s="107"/>
      <c r="R243" s="107">
        <v>1678</v>
      </c>
      <c r="S243" s="107"/>
      <c r="T243" s="107"/>
      <c r="U243" s="107"/>
      <c r="V243" s="107">
        <v>979</v>
      </c>
      <c r="W243" s="107"/>
      <c r="X243" s="107"/>
      <c r="Y243" s="107"/>
      <c r="Z243" s="107">
        <v>734</v>
      </c>
      <c r="AA243" s="107"/>
      <c r="AB243" s="107"/>
      <c r="AC243" s="107"/>
      <c r="AD243" s="107">
        <v>260</v>
      </c>
      <c r="AE243" s="107"/>
      <c r="AF243" s="107"/>
      <c r="AG243" s="108"/>
    </row>
    <row r="244" spans="1:33" s="1" customFormat="1" ht="15.95" customHeight="1">
      <c r="A244" s="363"/>
      <c r="B244" s="364"/>
      <c r="C244" s="364"/>
      <c r="D244" s="365"/>
      <c r="E244" s="369" t="s">
        <v>160</v>
      </c>
      <c r="F244" s="370"/>
      <c r="G244" s="370"/>
      <c r="H244" s="370"/>
      <c r="I244" s="371"/>
      <c r="J244" s="372">
        <v>568</v>
      </c>
      <c r="K244" s="373"/>
      <c r="L244" s="373"/>
      <c r="M244" s="373"/>
      <c r="N244" s="107">
        <v>201</v>
      </c>
      <c r="O244" s="107"/>
      <c r="P244" s="107"/>
      <c r="Q244" s="107"/>
      <c r="R244" s="107">
        <v>128</v>
      </c>
      <c r="S244" s="107"/>
      <c r="T244" s="107"/>
      <c r="U244" s="107"/>
      <c r="V244" s="107">
        <v>49</v>
      </c>
      <c r="W244" s="107"/>
      <c r="X244" s="107"/>
      <c r="Y244" s="107"/>
      <c r="Z244" s="107">
        <v>74</v>
      </c>
      <c r="AA244" s="107"/>
      <c r="AB244" s="107"/>
      <c r="AC244" s="107"/>
      <c r="AD244" s="107">
        <v>116</v>
      </c>
      <c r="AE244" s="107"/>
      <c r="AF244" s="107"/>
      <c r="AG244" s="108"/>
    </row>
    <row r="245" spans="1:33" s="1" customFormat="1" ht="15.95" customHeight="1">
      <c r="A245" s="366"/>
      <c r="B245" s="367"/>
      <c r="C245" s="367"/>
      <c r="D245" s="368"/>
      <c r="E245" s="233" t="s">
        <v>161</v>
      </c>
      <c r="F245" s="234"/>
      <c r="G245" s="234"/>
      <c r="H245" s="234"/>
      <c r="I245" s="235"/>
      <c r="J245" s="390">
        <v>8</v>
      </c>
      <c r="K245" s="391"/>
      <c r="L245" s="391"/>
      <c r="M245" s="391"/>
      <c r="N245" s="308">
        <v>2</v>
      </c>
      <c r="O245" s="308"/>
      <c r="P245" s="308"/>
      <c r="Q245" s="308"/>
      <c r="R245" s="381" t="s">
        <v>162</v>
      </c>
      <c r="S245" s="381"/>
      <c r="T245" s="381"/>
      <c r="U245" s="381"/>
      <c r="V245" s="405">
        <v>1</v>
      </c>
      <c r="W245" s="405"/>
      <c r="X245" s="405"/>
      <c r="Y245" s="405"/>
      <c r="Z245" s="308">
        <v>4</v>
      </c>
      <c r="AA245" s="308"/>
      <c r="AB245" s="308"/>
      <c r="AC245" s="308"/>
      <c r="AD245" s="308">
        <v>1</v>
      </c>
      <c r="AE245" s="308"/>
      <c r="AF245" s="308"/>
      <c r="AG245" s="309"/>
    </row>
    <row r="246" spans="1:33" s="1" customFormat="1" ht="13.5" customHeight="1">
      <c r="A246" s="9"/>
      <c r="B246" s="9"/>
      <c r="C246" s="9"/>
      <c r="H246" s="2"/>
      <c r="I246" s="2"/>
      <c r="J246" s="2"/>
      <c r="K246" s="2"/>
      <c r="L246" s="2"/>
      <c r="N246" s="2"/>
      <c r="O246" s="2"/>
      <c r="P246" s="2"/>
      <c r="Q246" s="2"/>
      <c r="R246" s="2"/>
      <c r="T246" s="2"/>
      <c r="U246" s="2"/>
      <c r="V246" s="2"/>
      <c r="W246" s="2"/>
      <c r="X246" s="2"/>
      <c r="Z246" s="3"/>
      <c r="AA246" s="3"/>
      <c r="AB246" s="3"/>
      <c r="AC246" s="3"/>
      <c r="AD246" s="3"/>
      <c r="AE246" s="3"/>
      <c r="AF246" s="3"/>
      <c r="AG246" s="3" t="s">
        <v>26</v>
      </c>
    </row>
    <row r="247" spans="1:33" s="1" customFormat="1" ht="15.95" customHeight="1">
      <c r="A247" s="9"/>
      <c r="B247" s="9"/>
      <c r="C247" s="9"/>
      <c r="H247" s="2"/>
      <c r="I247" s="2"/>
      <c r="J247" s="2"/>
      <c r="K247" s="2"/>
      <c r="L247" s="2"/>
      <c r="N247" s="2"/>
      <c r="O247" s="2"/>
      <c r="P247" s="2"/>
      <c r="Q247" s="2"/>
      <c r="R247" s="2"/>
      <c r="T247" s="2"/>
      <c r="U247" s="2"/>
      <c r="V247" s="2"/>
      <c r="W247" s="2"/>
      <c r="X247" s="2"/>
      <c r="Z247" s="3"/>
      <c r="AA247" s="3"/>
      <c r="AB247" s="3"/>
      <c r="AC247" s="3"/>
      <c r="AD247" s="3"/>
      <c r="AE247" s="3"/>
      <c r="AF247" s="3"/>
      <c r="AG247" s="3"/>
    </row>
    <row r="248" spans="1:33" s="5" customFormat="1" ht="20.100000000000001" customHeight="1">
      <c r="A248" s="18" t="s">
        <v>169</v>
      </c>
      <c r="AG248" s="14" t="s">
        <v>13</v>
      </c>
    </row>
    <row r="249" spans="1:33" s="1" customFormat="1" ht="15.75" customHeight="1">
      <c r="A249" s="189" t="s">
        <v>31</v>
      </c>
      <c r="B249" s="190"/>
      <c r="C249" s="190"/>
      <c r="D249" s="190"/>
      <c r="E249" s="190"/>
      <c r="F249" s="190"/>
      <c r="G249" s="190"/>
      <c r="H249" s="190"/>
      <c r="I249" s="191"/>
      <c r="J249" s="192">
        <v>4</v>
      </c>
      <c r="K249" s="193"/>
      <c r="L249" s="193"/>
      <c r="M249" s="193"/>
      <c r="N249" s="193"/>
      <c r="O249" s="193"/>
      <c r="P249" s="193"/>
      <c r="Q249" s="194"/>
      <c r="R249" s="192">
        <v>5</v>
      </c>
      <c r="S249" s="193"/>
      <c r="T249" s="193"/>
      <c r="U249" s="193"/>
      <c r="V249" s="193"/>
      <c r="W249" s="193"/>
      <c r="X249" s="193"/>
      <c r="Y249" s="193"/>
      <c r="Z249" s="277">
        <v>6</v>
      </c>
      <c r="AA249" s="198"/>
      <c r="AB249" s="198"/>
      <c r="AC249" s="198"/>
      <c r="AD249" s="198"/>
      <c r="AE249" s="198"/>
      <c r="AF249" s="198"/>
      <c r="AG249" s="199"/>
    </row>
    <row r="250" spans="1:33" s="1" customFormat="1" ht="15.75" customHeight="1">
      <c r="A250" s="138" t="s">
        <v>32</v>
      </c>
      <c r="B250" s="139"/>
      <c r="C250" s="139"/>
      <c r="D250" s="139"/>
      <c r="E250" s="139"/>
      <c r="F250" s="139"/>
      <c r="G250" s="139"/>
      <c r="H250" s="139"/>
      <c r="I250" s="140"/>
      <c r="J250" s="195"/>
      <c r="K250" s="196"/>
      <c r="L250" s="196"/>
      <c r="M250" s="196"/>
      <c r="N250" s="196"/>
      <c r="O250" s="196"/>
      <c r="P250" s="196"/>
      <c r="Q250" s="197"/>
      <c r="R250" s="195"/>
      <c r="S250" s="196"/>
      <c r="T250" s="196"/>
      <c r="U250" s="196"/>
      <c r="V250" s="196"/>
      <c r="W250" s="196"/>
      <c r="X250" s="196"/>
      <c r="Y250" s="196"/>
      <c r="Z250" s="278"/>
      <c r="AA250" s="200"/>
      <c r="AB250" s="200"/>
      <c r="AC250" s="200"/>
      <c r="AD250" s="200"/>
      <c r="AE250" s="200"/>
      <c r="AF250" s="200"/>
      <c r="AG250" s="201"/>
    </row>
    <row r="251" spans="1:33" s="1" customFormat="1" ht="15.95" customHeight="1">
      <c r="A251" s="245" t="s">
        <v>240</v>
      </c>
      <c r="B251" s="112"/>
      <c r="C251" s="112"/>
      <c r="D251" s="112"/>
      <c r="E251" s="112"/>
      <c r="F251" s="112"/>
      <c r="G251" s="112"/>
      <c r="H251" s="112"/>
      <c r="I251" s="142"/>
      <c r="J251" s="152">
        <v>1020</v>
      </c>
      <c r="K251" s="153"/>
      <c r="L251" s="153"/>
      <c r="M251" s="153"/>
      <c r="N251" s="153"/>
      <c r="O251" s="153"/>
      <c r="P251" s="153"/>
      <c r="Q251" s="153"/>
      <c r="R251" s="153">
        <v>1011</v>
      </c>
      <c r="S251" s="153"/>
      <c r="T251" s="153"/>
      <c r="U251" s="153"/>
      <c r="V251" s="153"/>
      <c r="W251" s="153"/>
      <c r="X251" s="153"/>
      <c r="Y251" s="153"/>
      <c r="Z251" s="221">
        <v>1239</v>
      </c>
      <c r="AA251" s="221"/>
      <c r="AB251" s="221"/>
      <c r="AC251" s="221"/>
      <c r="AD251" s="221"/>
      <c r="AE251" s="221"/>
      <c r="AF251" s="221"/>
      <c r="AG251" s="222"/>
    </row>
    <row r="252" spans="1:33" s="1" customFormat="1" ht="15.95" customHeight="1">
      <c r="A252" s="51"/>
      <c r="B252" s="7"/>
      <c r="C252" s="7"/>
      <c r="D252" s="163" t="s">
        <v>241</v>
      </c>
      <c r="E252" s="163"/>
      <c r="F252" s="163"/>
      <c r="G252" s="163"/>
      <c r="H252" s="163"/>
      <c r="I252" s="225"/>
      <c r="J252" s="160">
        <v>42</v>
      </c>
      <c r="K252" s="151"/>
      <c r="L252" s="151"/>
      <c r="M252" s="151"/>
      <c r="N252" s="151"/>
      <c r="O252" s="151"/>
      <c r="P252" s="151"/>
      <c r="Q252" s="151"/>
      <c r="R252" s="131">
        <v>99</v>
      </c>
      <c r="S252" s="131"/>
      <c r="T252" s="131"/>
      <c r="U252" s="131"/>
      <c r="V252" s="131"/>
      <c r="W252" s="131"/>
      <c r="X252" s="131"/>
      <c r="Y252" s="131"/>
      <c r="Z252" s="170">
        <v>57</v>
      </c>
      <c r="AA252" s="170"/>
      <c r="AB252" s="170"/>
      <c r="AC252" s="170"/>
      <c r="AD252" s="170"/>
      <c r="AE252" s="170"/>
      <c r="AF252" s="170"/>
      <c r="AG252" s="171"/>
    </row>
    <row r="253" spans="1:33" s="1" customFormat="1" ht="15.95" customHeight="1">
      <c r="A253" s="51"/>
      <c r="B253" s="7"/>
      <c r="C253" s="7"/>
      <c r="D253" s="163" t="s">
        <v>242</v>
      </c>
      <c r="E253" s="163"/>
      <c r="F253" s="163"/>
      <c r="G253" s="163"/>
      <c r="H253" s="163"/>
      <c r="I253" s="225"/>
      <c r="J253" s="160">
        <v>978</v>
      </c>
      <c r="K253" s="151"/>
      <c r="L253" s="151"/>
      <c r="M253" s="151"/>
      <c r="N253" s="151"/>
      <c r="O253" s="151"/>
      <c r="P253" s="151"/>
      <c r="Q253" s="151"/>
      <c r="R253" s="131">
        <v>912</v>
      </c>
      <c r="S253" s="131"/>
      <c r="T253" s="131"/>
      <c r="U253" s="131"/>
      <c r="V253" s="131"/>
      <c r="W253" s="131"/>
      <c r="X253" s="131"/>
      <c r="Y253" s="131"/>
      <c r="Z253" s="170">
        <v>1182</v>
      </c>
      <c r="AA253" s="170"/>
      <c r="AB253" s="170"/>
      <c r="AC253" s="170"/>
      <c r="AD253" s="170"/>
      <c r="AE253" s="170"/>
      <c r="AF253" s="170"/>
      <c r="AG253" s="171"/>
    </row>
    <row r="254" spans="1:33" s="1" customFormat="1" ht="15.95" customHeight="1">
      <c r="A254" s="212" t="s">
        <v>243</v>
      </c>
      <c r="B254" s="151"/>
      <c r="C254" s="151"/>
      <c r="D254" s="151"/>
      <c r="E254" s="162" t="s">
        <v>244</v>
      </c>
      <c r="F254" s="162"/>
      <c r="G254" s="162"/>
      <c r="H254" s="162"/>
      <c r="I254" s="91"/>
      <c r="J254" s="160">
        <v>268</v>
      </c>
      <c r="K254" s="151"/>
      <c r="L254" s="151"/>
      <c r="M254" s="151"/>
      <c r="N254" s="151"/>
      <c r="O254" s="151"/>
      <c r="P254" s="151"/>
      <c r="Q254" s="151"/>
      <c r="R254" s="131">
        <v>205</v>
      </c>
      <c r="S254" s="131"/>
      <c r="T254" s="131"/>
      <c r="U254" s="131"/>
      <c r="V254" s="131"/>
      <c r="W254" s="131"/>
      <c r="X254" s="131"/>
      <c r="Y254" s="131"/>
      <c r="Z254" s="170">
        <v>316</v>
      </c>
      <c r="AA254" s="170"/>
      <c r="AB254" s="170"/>
      <c r="AC254" s="170"/>
      <c r="AD254" s="170"/>
      <c r="AE254" s="170"/>
      <c r="AF254" s="170"/>
      <c r="AG254" s="171"/>
    </row>
    <row r="255" spans="1:33" s="1" customFormat="1" ht="15.95" customHeight="1">
      <c r="A255" s="213"/>
      <c r="B255" s="214"/>
      <c r="C255" s="214"/>
      <c r="D255" s="214"/>
      <c r="E255" s="136" t="s">
        <v>245</v>
      </c>
      <c r="F255" s="136"/>
      <c r="G255" s="136"/>
      <c r="H255" s="136"/>
      <c r="I255" s="137"/>
      <c r="J255" s="246">
        <v>752</v>
      </c>
      <c r="K255" s="214"/>
      <c r="L255" s="214"/>
      <c r="M255" s="214"/>
      <c r="N255" s="214"/>
      <c r="O255" s="214"/>
      <c r="P255" s="214"/>
      <c r="Q255" s="214"/>
      <c r="R255" s="387">
        <v>638</v>
      </c>
      <c r="S255" s="387"/>
      <c r="T255" s="387"/>
      <c r="U255" s="387"/>
      <c r="V255" s="387"/>
      <c r="W255" s="387"/>
      <c r="X255" s="387"/>
      <c r="Y255" s="387"/>
      <c r="Z255" s="388">
        <v>866</v>
      </c>
      <c r="AA255" s="388"/>
      <c r="AB255" s="388"/>
      <c r="AC255" s="388"/>
      <c r="AD255" s="388"/>
      <c r="AE255" s="388"/>
      <c r="AF255" s="388"/>
      <c r="AG255" s="389"/>
    </row>
    <row r="256" spans="1:33" s="1" customFormat="1" ht="15.95" customHeight="1">
      <c r="A256" s="245" t="s">
        <v>246</v>
      </c>
      <c r="B256" s="112"/>
      <c r="C256" s="112"/>
      <c r="D256" s="112"/>
      <c r="E256" s="112"/>
      <c r="F256" s="112"/>
      <c r="G256" s="112"/>
      <c r="H256" s="112"/>
      <c r="I256" s="142"/>
      <c r="J256" s="152">
        <v>1020</v>
      </c>
      <c r="K256" s="153"/>
      <c r="L256" s="153"/>
      <c r="M256" s="153"/>
      <c r="N256" s="153"/>
      <c r="O256" s="153"/>
      <c r="P256" s="153"/>
      <c r="Q256" s="153"/>
      <c r="R256" s="153">
        <v>1011</v>
      </c>
      <c r="S256" s="153"/>
      <c r="T256" s="153"/>
      <c r="U256" s="153"/>
      <c r="V256" s="153"/>
      <c r="W256" s="153"/>
      <c r="X256" s="153"/>
      <c r="Y256" s="153"/>
      <c r="Z256" s="221">
        <v>1182</v>
      </c>
      <c r="AA256" s="221"/>
      <c r="AB256" s="221"/>
      <c r="AC256" s="221"/>
      <c r="AD256" s="221"/>
      <c r="AE256" s="221"/>
      <c r="AF256" s="221"/>
      <c r="AG256" s="222"/>
    </row>
    <row r="257" spans="1:36" s="1" customFormat="1" ht="15.95" customHeight="1">
      <c r="A257" s="51"/>
      <c r="B257" s="7"/>
      <c r="C257" s="7"/>
      <c r="D257" s="163" t="s">
        <v>247</v>
      </c>
      <c r="E257" s="163"/>
      <c r="F257" s="163"/>
      <c r="G257" s="163"/>
      <c r="H257" s="163"/>
      <c r="I257" s="225"/>
      <c r="J257" s="160">
        <v>277</v>
      </c>
      <c r="K257" s="151"/>
      <c r="L257" s="151"/>
      <c r="M257" s="151"/>
      <c r="N257" s="151"/>
      <c r="O257" s="151"/>
      <c r="P257" s="151"/>
      <c r="Q257" s="151"/>
      <c r="R257" s="131">
        <v>307</v>
      </c>
      <c r="S257" s="131"/>
      <c r="T257" s="131"/>
      <c r="U257" s="131"/>
      <c r="V257" s="131"/>
      <c r="W257" s="131"/>
      <c r="X257" s="131"/>
      <c r="Y257" s="131"/>
      <c r="Z257" s="170">
        <v>259</v>
      </c>
      <c r="AA257" s="170"/>
      <c r="AB257" s="170"/>
      <c r="AC257" s="170"/>
      <c r="AD257" s="170"/>
      <c r="AE257" s="170"/>
      <c r="AF257" s="170"/>
      <c r="AG257" s="171"/>
    </row>
    <row r="258" spans="1:36" s="1" customFormat="1" ht="15.95" customHeight="1">
      <c r="A258" s="51"/>
      <c r="B258" s="7"/>
      <c r="C258" s="7"/>
      <c r="D258" s="163" t="s">
        <v>248</v>
      </c>
      <c r="E258" s="163"/>
      <c r="F258" s="163"/>
      <c r="G258" s="163"/>
      <c r="H258" s="163"/>
      <c r="I258" s="225"/>
      <c r="J258" s="160">
        <v>175</v>
      </c>
      <c r="K258" s="151"/>
      <c r="L258" s="151"/>
      <c r="M258" s="151"/>
      <c r="N258" s="151"/>
      <c r="O258" s="151"/>
      <c r="P258" s="151"/>
      <c r="Q258" s="151"/>
      <c r="R258" s="131">
        <v>126</v>
      </c>
      <c r="S258" s="131"/>
      <c r="T258" s="131"/>
      <c r="U258" s="131"/>
      <c r="V258" s="131"/>
      <c r="W258" s="131"/>
      <c r="X258" s="131"/>
      <c r="Y258" s="131"/>
      <c r="Z258" s="170">
        <v>278</v>
      </c>
      <c r="AA258" s="170"/>
      <c r="AB258" s="170"/>
      <c r="AC258" s="170"/>
      <c r="AD258" s="170"/>
      <c r="AE258" s="170"/>
      <c r="AF258" s="170"/>
      <c r="AG258" s="171"/>
    </row>
    <row r="259" spans="1:36" s="1" customFormat="1" ht="15.95" customHeight="1">
      <c r="A259" s="51"/>
      <c r="B259" s="7"/>
      <c r="C259" s="7"/>
      <c r="D259" s="163" t="s">
        <v>249</v>
      </c>
      <c r="E259" s="163"/>
      <c r="F259" s="163"/>
      <c r="G259" s="163"/>
      <c r="H259" s="163"/>
      <c r="I259" s="225"/>
      <c r="J259" s="160">
        <v>42</v>
      </c>
      <c r="K259" s="151"/>
      <c r="L259" s="151"/>
      <c r="M259" s="151"/>
      <c r="N259" s="151"/>
      <c r="O259" s="151"/>
      <c r="P259" s="151"/>
      <c r="Q259" s="151"/>
      <c r="R259" s="131">
        <v>23</v>
      </c>
      <c r="S259" s="131"/>
      <c r="T259" s="131"/>
      <c r="U259" s="131"/>
      <c r="V259" s="131"/>
      <c r="W259" s="131"/>
      <c r="X259" s="131"/>
      <c r="Y259" s="131"/>
      <c r="Z259" s="170">
        <v>48</v>
      </c>
      <c r="AA259" s="170"/>
      <c r="AB259" s="170"/>
      <c r="AC259" s="170"/>
      <c r="AD259" s="170"/>
      <c r="AE259" s="170"/>
      <c r="AF259" s="170"/>
      <c r="AG259" s="171"/>
    </row>
    <row r="260" spans="1:36" s="1" customFormat="1" ht="15.95" customHeight="1">
      <c r="A260" s="51"/>
      <c r="B260" s="7"/>
      <c r="C260" s="7"/>
      <c r="D260" s="163" t="s">
        <v>250</v>
      </c>
      <c r="E260" s="163"/>
      <c r="F260" s="163"/>
      <c r="G260" s="163"/>
      <c r="H260" s="163"/>
      <c r="I260" s="225"/>
      <c r="J260" s="160">
        <v>345</v>
      </c>
      <c r="K260" s="151"/>
      <c r="L260" s="151"/>
      <c r="M260" s="151"/>
      <c r="N260" s="151"/>
      <c r="O260" s="151"/>
      <c r="P260" s="151"/>
      <c r="Q260" s="151"/>
      <c r="R260" s="131">
        <v>359</v>
      </c>
      <c r="S260" s="131"/>
      <c r="T260" s="131"/>
      <c r="U260" s="131"/>
      <c r="V260" s="131"/>
      <c r="W260" s="131"/>
      <c r="X260" s="131"/>
      <c r="Y260" s="131"/>
      <c r="Z260" s="170">
        <v>486</v>
      </c>
      <c r="AA260" s="170"/>
      <c r="AB260" s="170"/>
      <c r="AC260" s="170"/>
      <c r="AD260" s="170"/>
      <c r="AE260" s="170"/>
      <c r="AF260" s="170"/>
      <c r="AG260" s="171"/>
    </row>
    <row r="261" spans="1:36" s="1" customFormat="1" ht="15.95" customHeight="1">
      <c r="A261" s="52"/>
      <c r="B261" s="15"/>
      <c r="C261" s="15"/>
      <c r="D261" s="305" t="s">
        <v>58</v>
      </c>
      <c r="E261" s="305"/>
      <c r="F261" s="305"/>
      <c r="G261" s="305"/>
      <c r="H261" s="305"/>
      <c r="I261" s="306"/>
      <c r="J261" s="223">
        <v>181</v>
      </c>
      <c r="K261" s="224"/>
      <c r="L261" s="224"/>
      <c r="M261" s="224"/>
      <c r="N261" s="224"/>
      <c r="O261" s="224"/>
      <c r="P261" s="224"/>
      <c r="Q261" s="224"/>
      <c r="R261" s="172">
        <v>196</v>
      </c>
      <c r="S261" s="172"/>
      <c r="T261" s="172"/>
      <c r="U261" s="172"/>
      <c r="V261" s="172"/>
      <c r="W261" s="172"/>
      <c r="X261" s="172"/>
      <c r="Y261" s="172"/>
      <c r="Z261" s="122">
        <v>111</v>
      </c>
      <c r="AA261" s="122"/>
      <c r="AB261" s="122"/>
      <c r="AC261" s="122"/>
      <c r="AD261" s="122"/>
      <c r="AE261" s="122"/>
      <c r="AF261" s="122"/>
      <c r="AG261" s="181"/>
    </row>
    <row r="262" spans="1:36" s="1" customFormat="1" ht="13.5" customHeight="1">
      <c r="Z262" s="39"/>
      <c r="AA262" s="39"/>
      <c r="AB262" s="39"/>
      <c r="AC262" s="39"/>
      <c r="AD262" s="39"/>
      <c r="AE262" s="39"/>
      <c r="AF262" s="39"/>
      <c r="AG262" s="39" t="s">
        <v>30</v>
      </c>
    </row>
    <row r="263" spans="1:36" s="1" customFormat="1" ht="15.95" customHeight="1">
      <c r="Z263" s="3"/>
      <c r="AA263" s="3"/>
      <c r="AB263" s="3"/>
      <c r="AC263" s="3"/>
      <c r="AD263" s="3"/>
      <c r="AE263" s="3"/>
      <c r="AF263" s="3"/>
      <c r="AG263" s="3"/>
    </row>
    <row r="264" spans="1:36" s="5" customFormat="1" ht="20.100000000000001" customHeight="1">
      <c r="A264" s="86" t="s">
        <v>283</v>
      </c>
      <c r="AG264" s="4" t="s">
        <v>284</v>
      </c>
    </row>
    <row r="265" spans="1:36" s="1" customFormat="1" ht="15.95" customHeight="1">
      <c r="A265" s="189" t="s">
        <v>251</v>
      </c>
      <c r="B265" s="190"/>
      <c r="C265" s="190"/>
      <c r="D265" s="190"/>
      <c r="E265" s="190"/>
      <c r="F265" s="190"/>
      <c r="G265" s="190"/>
      <c r="H265" s="190"/>
      <c r="I265" s="191"/>
      <c r="J265" s="360">
        <v>4</v>
      </c>
      <c r="K265" s="361"/>
      <c r="L265" s="361"/>
      <c r="M265" s="361"/>
      <c r="N265" s="361"/>
      <c r="O265" s="361"/>
      <c r="P265" s="361"/>
      <c r="Q265" s="362"/>
      <c r="R265" s="165">
        <v>5</v>
      </c>
      <c r="S265" s="166"/>
      <c r="T265" s="166"/>
      <c r="U265" s="166"/>
      <c r="V265" s="166"/>
      <c r="W265" s="166"/>
      <c r="X265" s="166"/>
      <c r="Y265" s="167"/>
      <c r="Z265" s="412">
        <v>6</v>
      </c>
      <c r="AA265" s="412"/>
      <c r="AB265" s="412"/>
      <c r="AC265" s="412"/>
      <c r="AD265" s="412"/>
      <c r="AE265" s="412"/>
      <c r="AF265" s="412"/>
      <c r="AG265" s="413"/>
    </row>
    <row r="266" spans="1:36" s="1" customFormat="1" ht="15.95" customHeight="1">
      <c r="A266" s="138" t="s">
        <v>32</v>
      </c>
      <c r="B266" s="139"/>
      <c r="C266" s="139"/>
      <c r="D266" s="139"/>
      <c r="E266" s="139"/>
      <c r="F266" s="139"/>
      <c r="G266" s="139"/>
      <c r="H266" s="139"/>
      <c r="I266" s="140"/>
      <c r="J266" s="392" t="s">
        <v>105</v>
      </c>
      <c r="K266" s="393"/>
      <c r="L266" s="393"/>
      <c r="M266" s="394"/>
      <c r="N266" s="392" t="s">
        <v>106</v>
      </c>
      <c r="O266" s="393"/>
      <c r="P266" s="393"/>
      <c r="Q266" s="394"/>
      <c r="R266" s="395" t="s">
        <v>105</v>
      </c>
      <c r="S266" s="395"/>
      <c r="T266" s="395"/>
      <c r="U266" s="396"/>
      <c r="V266" s="397" t="s">
        <v>106</v>
      </c>
      <c r="W266" s="395"/>
      <c r="X266" s="395"/>
      <c r="Y266" s="396"/>
      <c r="Z266" s="415" t="s">
        <v>105</v>
      </c>
      <c r="AA266" s="415"/>
      <c r="AB266" s="415"/>
      <c r="AC266" s="846"/>
      <c r="AD266" s="414" t="s">
        <v>106</v>
      </c>
      <c r="AE266" s="415"/>
      <c r="AF266" s="415"/>
      <c r="AG266" s="416"/>
    </row>
    <row r="267" spans="1:36" s="1" customFormat="1" ht="15.95" customHeight="1">
      <c r="A267" s="247" t="s">
        <v>104</v>
      </c>
      <c r="B267" s="248"/>
      <c r="C267" s="248"/>
      <c r="D267" s="248"/>
      <c r="E267" s="248"/>
      <c r="F267" s="248"/>
      <c r="G267" s="248"/>
      <c r="H267" s="248"/>
      <c r="I267" s="249"/>
      <c r="J267" s="215">
        <v>3143</v>
      </c>
      <c r="K267" s="216"/>
      <c r="L267" s="216"/>
      <c r="M267" s="216"/>
      <c r="N267" s="216">
        <v>34412</v>
      </c>
      <c r="O267" s="216"/>
      <c r="P267" s="216"/>
      <c r="Q267" s="216"/>
      <c r="R267" s="153">
        <v>3061</v>
      </c>
      <c r="S267" s="153"/>
      <c r="T267" s="153"/>
      <c r="U267" s="153"/>
      <c r="V267" s="153">
        <v>35293</v>
      </c>
      <c r="W267" s="153"/>
      <c r="X267" s="153"/>
      <c r="Y267" s="153"/>
      <c r="Z267" s="221">
        <v>3267</v>
      </c>
      <c r="AA267" s="221"/>
      <c r="AB267" s="221"/>
      <c r="AC267" s="221"/>
      <c r="AD267" s="221">
        <v>38476</v>
      </c>
      <c r="AE267" s="221"/>
      <c r="AF267" s="221"/>
      <c r="AG267" s="222"/>
    </row>
    <row r="268" spans="1:36" s="1" customFormat="1" ht="15.95" customHeight="1">
      <c r="A268" s="217" t="s">
        <v>107</v>
      </c>
      <c r="B268" s="218"/>
      <c r="C268" s="218"/>
      <c r="D268" s="218"/>
      <c r="E268" s="218"/>
      <c r="F268" s="218"/>
      <c r="G268" s="218"/>
      <c r="H268" s="218"/>
      <c r="I268" s="219"/>
      <c r="J268" s="220">
        <v>401</v>
      </c>
      <c r="K268" s="185"/>
      <c r="L268" s="185"/>
      <c r="M268" s="185"/>
      <c r="N268" s="185">
        <v>10165</v>
      </c>
      <c r="O268" s="185"/>
      <c r="P268" s="185"/>
      <c r="Q268" s="185"/>
      <c r="R268" s="131">
        <v>361</v>
      </c>
      <c r="S268" s="131"/>
      <c r="T268" s="131"/>
      <c r="U268" s="131"/>
      <c r="V268" s="131">
        <v>9711</v>
      </c>
      <c r="W268" s="131"/>
      <c r="X268" s="131"/>
      <c r="Y268" s="131"/>
      <c r="Z268" s="170">
        <v>373</v>
      </c>
      <c r="AA268" s="170"/>
      <c r="AB268" s="170"/>
      <c r="AC268" s="170"/>
      <c r="AD268" s="170">
        <v>10267</v>
      </c>
      <c r="AE268" s="170"/>
      <c r="AF268" s="170"/>
      <c r="AG268" s="171"/>
    </row>
    <row r="269" spans="1:36" s="1" customFormat="1" ht="15.95" customHeight="1">
      <c r="A269" s="217" t="s">
        <v>108</v>
      </c>
      <c r="B269" s="218"/>
      <c r="C269" s="218"/>
      <c r="D269" s="218"/>
      <c r="E269" s="218"/>
      <c r="F269" s="218"/>
      <c r="G269" s="218"/>
      <c r="H269" s="218"/>
      <c r="I269" s="219"/>
      <c r="J269" s="220">
        <v>506</v>
      </c>
      <c r="K269" s="185"/>
      <c r="L269" s="185"/>
      <c r="M269" s="185"/>
      <c r="N269" s="185">
        <v>6405</v>
      </c>
      <c r="O269" s="185"/>
      <c r="P269" s="185"/>
      <c r="Q269" s="185"/>
      <c r="R269" s="131">
        <v>444</v>
      </c>
      <c r="S269" s="131"/>
      <c r="T269" s="131"/>
      <c r="U269" s="131"/>
      <c r="V269" s="131">
        <v>6401</v>
      </c>
      <c r="W269" s="131"/>
      <c r="X269" s="131"/>
      <c r="Y269" s="131"/>
      <c r="Z269" s="170">
        <v>508</v>
      </c>
      <c r="AA269" s="170"/>
      <c r="AB269" s="170"/>
      <c r="AC269" s="170"/>
      <c r="AD269" s="170">
        <v>7156</v>
      </c>
      <c r="AE269" s="170"/>
      <c r="AF269" s="170"/>
      <c r="AG269" s="171"/>
    </row>
    <row r="270" spans="1:36" s="1" customFormat="1" ht="15.95" customHeight="1">
      <c r="A270" s="217" t="s">
        <v>109</v>
      </c>
      <c r="B270" s="218"/>
      <c r="C270" s="218"/>
      <c r="D270" s="218"/>
      <c r="E270" s="218"/>
      <c r="F270" s="218"/>
      <c r="G270" s="218"/>
      <c r="H270" s="218"/>
      <c r="I270" s="219"/>
      <c r="J270" s="220">
        <v>460</v>
      </c>
      <c r="K270" s="185"/>
      <c r="L270" s="185"/>
      <c r="M270" s="185"/>
      <c r="N270" s="185">
        <v>3861</v>
      </c>
      <c r="O270" s="185"/>
      <c r="P270" s="185"/>
      <c r="Q270" s="185"/>
      <c r="R270" s="131">
        <v>513</v>
      </c>
      <c r="S270" s="131"/>
      <c r="T270" s="131"/>
      <c r="U270" s="131"/>
      <c r="V270" s="131">
        <v>4772</v>
      </c>
      <c r="W270" s="131"/>
      <c r="X270" s="131"/>
      <c r="Y270" s="131"/>
      <c r="Z270" s="170">
        <v>553</v>
      </c>
      <c r="AA270" s="170"/>
      <c r="AB270" s="170"/>
      <c r="AC270" s="170"/>
      <c r="AD270" s="170">
        <v>5568</v>
      </c>
      <c r="AE270" s="170"/>
      <c r="AF270" s="170"/>
      <c r="AG270" s="171"/>
      <c r="AJ270" s="67"/>
    </row>
    <row r="271" spans="1:36" s="1" customFormat="1" ht="15.95" customHeight="1">
      <c r="A271" s="227" t="s">
        <v>288</v>
      </c>
      <c r="B271" s="228"/>
      <c r="C271" s="228"/>
      <c r="D271" s="228"/>
      <c r="E271" s="228"/>
      <c r="F271" s="228"/>
      <c r="G271" s="228"/>
      <c r="H271" s="228"/>
      <c r="I271" s="229"/>
      <c r="J271" s="220">
        <v>293</v>
      </c>
      <c r="K271" s="185"/>
      <c r="L271" s="185"/>
      <c r="M271" s="185"/>
      <c r="N271" s="185">
        <v>1790</v>
      </c>
      <c r="O271" s="185"/>
      <c r="P271" s="185"/>
      <c r="Q271" s="185"/>
      <c r="R271" s="131">
        <v>280</v>
      </c>
      <c r="S271" s="131"/>
      <c r="T271" s="131"/>
      <c r="U271" s="131"/>
      <c r="V271" s="131">
        <v>2099</v>
      </c>
      <c r="W271" s="131"/>
      <c r="X271" s="131"/>
      <c r="Y271" s="131"/>
      <c r="Z271" s="170">
        <v>321</v>
      </c>
      <c r="AA271" s="170"/>
      <c r="AB271" s="170"/>
      <c r="AC271" s="170"/>
      <c r="AD271" s="170">
        <v>2171</v>
      </c>
      <c r="AE271" s="170"/>
      <c r="AF271" s="170"/>
      <c r="AG271" s="171"/>
    </row>
    <row r="272" spans="1:36" s="1" customFormat="1" ht="15.95" customHeight="1">
      <c r="A272" s="227" t="s">
        <v>110</v>
      </c>
      <c r="B272" s="228"/>
      <c r="C272" s="228"/>
      <c r="D272" s="228"/>
      <c r="E272" s="228"/>
      <c r="F272" s="228"/>
      <c r="G272" s="228"/>
      <c r="H272" s="228"/>
      <c r="I272" s="229"/>
      <c r="J272" s="220">
        <v>159</v>
      </c>
      <c r="K272" s="185"/>
      <c r="L272" s="185"/>
      <c r="M272" s="185"/>
      <c r="N272" s="185">
        <v>961</v>
      </c>
      <c r="O272" s="185"/>
      <c r="P272" s="185"/>
      <c r="Q272" s="185"/>
      <c r="R272" s="131">
        <v>152</v>
      </c>
      <c r="S272" s="131"/>
      <c r="T272" s="131"/>
      <c r="U272" s="131"/>
      <c r="V272" s="131">
        <v>805</v>
      </c>
      <c r="W272" s="131"/>
      <c r="X272" s="131"/>
      <c r="Y272" s="131"/>
      <c r="Z272" s="170">
        <v>146</v>
      </c>
      <c r="AA272" s="170"/>
      <c r="AB272" s="170"/>
      <c r="AC272" s="170"/>
      <c r="AD272" s="170">
        <v>533</v>
      </c>
      <c r="AE272" s="170"/>
      <c r="AF272" s="170"/>
      <c r="AG272" s="171"/>
    </row>
    <row r="273" spans="1:33" s="1" customFormat="1" ht="15.95" customHeight="1">
      <c r="A273" s="227" t="s">
        <v>111</v>
      </c>
      <c r="B273" s="228"/>
      <c r="C273" s="228"/>
      <c r="D273" s="228"/>
      <c r="E273" s="228"/>
      <c r="F273" s="228"/>
      <c r="G273" s="228"/>
      <c r="H273" s="228"/>
      <c r="I273" s="229"/>
      <c r="J273" s="220">
        <v>287</v>
      </c>
      <c r="K273" s="185"/>
      <c r="L273" s="185"/>
      <c r="M273" s="185"/>
      <c r="N273" s="185">
        <v>2047</v>
      </c>
      <c r="O273" s="185"/>
      <c r="P273" s="185"/>
      <c r="Q273" s="185"/>
      <c r="R273" s="131">
        <v>260</v>
      </c>
      <c r="S273" s="131"/>
      <c r="T273" s="131"/>
      <c r="U273" s="131"/>
      <c r="V273" s="131">
        <v>2190</v>
      </c>
      <c r="W273" s="131"/>
      <c r="X273" s="131"/>
      <c r="Y273" s="131"/>
      <c r="Z273" s="170">
        <v>327</v>
      </c>
      <c r="AA273" s="170"/>
      <c r="AB273" s="170"/>
      <c r="AC273" s="170"/>
      <c r="AD273" s="170">
        <v>2705</v>
      </c>
      <c r="AE273" s="170"/>
      <c r="AF273" s="170"/>
      <c r="AG273" s="171"/>
    </row>
    <row r="274" spans="1:33" s="1" customFormat="1" ht="15.95" customHeight="1">
      <c r="A274" s="227" t="s">
        <v>252</v>
      </c>
      <c r="B274" s="228"/>
      <c r="C274" s="228"/>
      <c r="D274" s="228"/>
      <c r="E274" s="228"/>
      <c r="F274" s="228"/>
      <c r="G274" s="228"/>
      <c r="H274" s="228"/>
      <c r="I274" s="229"/>
      <c r="J274" s="220">
        <v>566</v>
      </c>
      <c r="K274" s="185"/>
      <c r="L274" s="185"/>
      <c r="M274" s="185"/>
      <c r="N274" s="185">
        <v>6994</v>
      </c>
      <c r="O274" s="185"/>
      <c r="P274" s="185"/>
      <c r="Q274" s="185"/>
      <c r="R274" s="131">
        <v>596</v>
      </c>
      <c r="S274" s="131"/>
      <c r="T274" s="131"/>
      <c r="U274" s="131"/>
      <c r="V274" s="131">
        <v>6885</v>
      </c>
      <c r="W274" s="131"/>
      <c r="X274" s="131"/>
      <c r="Y274" s="131"/>
      <c r="Z274" s="170">
        <v>581</v>
      </c>
      <c r="AA274" s="170"/>
      <c r="AB274" s="170"/>
      <c r="AC274" s="170"/>
      <c r="AD274" s="170">
        <v>7051</v>
      </c>
      <c r="AE274" s="170"/>
      <c r="AF274" s="170"/>
      <c r="AG274" s="171"/>
    </row>
    <row r="275" spans="1:33" s="1" customFormat="1" ht="15.95" customHeight="1">
      <c r="A275" s="227" t="s">
        <v>112</v>
      </c>
      <c r="B275" s="228"/>
      <c r="C275" s="228"/>
      <c r="D275" s="228"/>
      <c r="E275" s="228"/>
      <c r="F275" s="228"/>
      <c r="G275" s="228"/>
      <c r="H275" s="228"/>
      <c r="I275" s="229"/>
      <c r="J275" s="220">
        <v>55</v>
      </c>
      <c r="K275" s="185"/>
      <c r="L275" s="185"/>
      <c r="M275" s="185"/>
      <c r="N275" s="185">
        <v>436</v>
      </c>
      <c r="O275" s="185"/>
      <c r="P275" s="185"/>
      <c r="Q275" s="185"/>
      <c r="R275" s="131">
        <v>45</v>
      </c>
      <c r="S275" s="131"/>
      <c r="T275" s="131"/>
      <c r="U275" s="131"/>
      <c r="V275" s="131">
        <v>393</v>
      </c>
      <c r="W275" s="131"/>
      <c r="X275" s="131"/>
      <c r="Y275" s="131"/>
      <c r="Z275" s="170">
        <v>57</v>
      </c>
      <c r="AA275" s="170"/>
      <c r="AB275" s="170"/>
      <c r="AC275" s="170"/>
      <c r="AD275" s="170">
        <v>694</v>
      </c>
      <c r="AE275" s="170"/>
      <c r="AF275" s="170"/>
      <c r="AG275" s="171"/>
    </row>
    <row r="276" spans="1:33" s="1" customFormat="1" ht="15.95" customHeight="1">
      <c r="A276" s="227" t="s">
        <v>113</v>
      </c>
      <c r="B276" s="228"/>
      <c r="C276" s="228"/>
      <c r="D276" s="228"/>
      <c r="E276" s="228"/>
      <c r="F276" s="228"/>
      <c r="G276" s="228"/>
      <c r="H276" s="228"/>
      <c r="I276" s="229"/>
      <c r="J276" s="220">
        <v>243</v>
      </c>
      <c r="K276" s="185"/>
      <c r="L276" s="185"/>
      <c r="M276" s="185"/>
      <c r="N276" s="185">
        <v>1091</v>
      </c>
      <c r="O276" s="185"/>
      <c r="P276" s="185"/>
      <c r="Q276" s="185"/>
      <c r="R276" s="131">
        <v>243</v>
      </c>
      <c r="S276" s="131"/>
      <c r="T276" s="131"/>
      <c r="U276" s="131"/>
      <c r="V276" s="131">
        <v>1400</v>
      </c>
      <c r="W276" s="131"/>
      <c r="X276" s="131"/>
      <c r="Y276" s="131"/>
      <c r="Z276" s="170">
        <v>243</v>
      </c>
      <c r="AA276" s="170"/>
      <c r="AB276" s="170"/>
      <c r="AC276" s="170"/>
      <c r="AD276" s="170">
        <v>1792</v>
      </c>
      <c r="AE276" s="170"/>
      <c r="AF276" s="170"/>
      <c r="AG276" s="171"/>
    </row>
    <row r="277" spans="1:33" s="1" customFormat="1" ht="15.95" customHeight="1">
      <c r="A277" s="227" t="s">
        <v>114</v>
      </c>
      <c r="B277" s="228"/>
      <c r="C277" s="228"/>
      <c r="D277" s="228"/>
      <c r="E277" s="228"/>
      <c r="F277" s="228"/>
      <c r="G277" s="228"/>
      <c r="H277" s="228"/>
      <c r="I277" s="229"/>
      <c r="J277" s="220">
        <v>147</v>
      </c>
      <c r="K277" s="185"/>
      <c r="L277" s="185"/>
      <c r="M277" s="185"/>
      <c r="N277" s="185">
        <v>635</v>
      </c>
      <c r="O277" s="185"/>
      <c r="P277" s="185"/>
      <c r="Q277" s="185"/>
      <c r="R277" s="131">
        <v>139</v>
      </c>
      <c r="S277" s="131"/>
      <c r="T277" s="131"/>
      <c r="U277" s="131"/>
      <c r="V277" s="131">
        <v>609</v>
      </c>
      <c r="W277" s="131"/>
      <c r="X277" s="131"/>
      <c r="Y277" s="131"/>
      <c r="Z277" s="170">
        <v>122</v>
      </c>
      <c r="AA277" s="170"/>
      <c r="AB277" s="170"/>
      <c r="AC277" s="170"/>
      <c r="AD277" s="170">
        <v>503</v>
      </c>
      <c r="AE277" s="170"/>
      <c r="AF277" s="170"/>
      <c r="AG277" s="171"/>
    </row>
    <row r="278" spans="1:33" s="1" customFormat="1" ht="15.95" customHeight="1">
      <c r="A278" s="236" t="s">
        <v>253</v>
      </c>
      <c r="B278" s="237"/>
      <c r="C278" s="237"/>
      <c r="D278" s="237"/>
      <c r="E278" s="237"/>
      <c r="F278" s="237"/>
      <c r="G278" s="237"/>
      <c r="H278" s="237"/>
      <c r="I278" s="238"/>
      <c r="J278" s="186">
        <v>26</v>
      </c>
      <c r="K278" s="187"/>
      <c r="L278" s="187"/>
      <c r="M278" s="187"/>
      <c r="N278" s="187">
        <v>27</v>
      </c>
      <c r="O278" s="187"/>
      <c r="P278" s="187"/>
      <c r="Q278" s="187"/>
      <c r="R278" s="172">
        <v>28</v>
      </c>
      <c r="S278" s="172"/>
      <c r="T278" s="172"/>
      <c r="U278" s="172"/>
      <c r="V278" s="172">
        <v>28</v>
      </c>
      <c r="W278" s="172"/>
      <c r="X278" s="172"/>
      <c r="Y278" s="172"/>
      <c r="Z278" s="122">
        <v>36</v>
      </c>
      <c r="AA278" s="122"/>
      <c r="AB278" s="122"/>
      <c r="AC278" s="122"/>
      <c r="AD278" s="122">
        <v>36</v>
      </c>
      <c r="AE278" s="122"/>
      <c r="AF278" s="122"/>
      <c r="AG278" s="181"/>
    </row>
    <row r="279" spans="1:33" s="1" customFormat="1" ht="13.5" customHeight="1">
      <c r="A279" s="79"/>
      <c r="B279" s="80"/>
      <c r="C279" s="80"/>
      <c r="D279" s="80"/>
      <c r="E279" s="80"/>
      <c r="F279" s="80"/>
      <c r="G279" s="80"/>
      <c r="H279" s="80"/>
      <c r="I279" s="80"/>
      <c r="J279" s="80"/>
      <c r="K279" s="80"/>
      <c r="L279" s="80"/>
      <c r="M279" s="80"/>
      <c r="N279" s="80"/>
      <c r="O279" s="80"/>
      <c r="P279" s="80"/>
      <c r="Q279" s="80"/>
      <c r="AB279" s="3"/>
      <c r="AC279" s="3"/>
      <c r="AD279" s="3"/>
      <c r="AE279" s="3"/>
      <c r="AF279" s="3"/>
      <c r="AG279" s="3" t="s">
        <v>16</v>
      </c>
    </row>
    <row r="280" spans="1:33" s="1" customFormat="1" ht="15.95" customHeight="1">
      <c r="AB280" s="3"/>
      <c r="AC280" s="3"/>
      <c r="AD280" s="3"/>
      <c r="AE280" s="3"/>
      <c r="AF280" s="3"/>
      <c r="AG280" s="3"/>
    </row>
    <row r="281" spans="1:33" s="5" customFormat="1" ht="20.100000000000001" customHeight="1">
      <c r="A281" s="18" t="s">
        <v>170</v>
      </c>
    </row>
    <row r="282" spans="1:33" s="1" customFormat="1" ht="15.95" customHeight="1">
      <c r="B282" s="1" t="s">
        <v>15</v>
      </c>
      <c r="AG282" s="4" t="s">
        <v>20</v>
      </c>
    </row>
    <row r="283" spans="1:33" s="1" customFormat="1" ht="15.75" customHeight="1">
      <c r="A283" s="189" t="s">
        <v>32</v>
      </c>
      <c r="B283" s="190"/>
      <c r="C283" s="190"/>
      <c r="D283" s="190"/>
      <c r="E283" s="190"/>
      <c r="F283" s="190"/>
      <c r="G283" s="190"/>
      <c r="H283" s="190"/>
      <c r="I283" s="191"/>
      <c r="J283" s="173" t="s">
        <v>222</v>
      </c>
      <c r="K283" s="174"/>
      <c r="L283" s="175"/>
      <c r="M283" s="346" t="s">
        <v>257</v>
      </c>
      <c r="N283" s="347"/>
      <c r="O283" s="348"/>
      <c r="P283" s="346" t="s">
        <v>258</v>
      </c>
      <c r="Q283" s="347"/>
      <c r="R283" s="348"/>
      <c r="S283" s="173" t="s">
        <v>259</v>
      </c>
      <c r="T283" s="174"/>
      <c r="U283" s="175"/>
      <c r="V283" s="173" t="s">
        <v>260</v>
      </c>
      <c r="W283" s="174"/>
      <c r="X283" s="175"/>
      <c r="Y283" s="173" t="s">
        <v>261</v>
      </c>
      <c r="Z283" s="174"/>
      <c r="AA283" s="175"/>
      <c r="AB283" s="173" t="s">
        <v>262</v>
      </c>
      <c r="AC283" s="174"/>
      <c r="AD283" s="175"/>
      <c r="AE283" s="173" t="s">
        <v>263</v>
      </c>
      <c r="AF283" s="174"/>
      <c r="AG283" s="858"/>
    </row>
    <row r="284" spans="1:33" s="1" customFormat="1" ht="15.75" customHeight="1">
      <c r="A284" s="138" t="s">
        <v>251</v>
      </c>
      <c r="B284" s="139"/>
      <c r="C284" s="139"/>
      <c r="D284" s="139"/>
      <c r="E284" s="139"/>
      <c r="F284" s="139"/>
      <c r="G284" s="139"/>
      <c r="H284" s="139"/>
      <c r="I284" s="140"/>
      <c r="J284" s="176"/>
      <c r="K284" s="177"/>
      <c r="L284" s="178"/>
      <c r="M284" s="349"/>
      <c r="N284" s="350"/>
      <c r="O284" s="351"/>
      <c r="P284" s="349"/>
      <c r="Q284" s="350"/>
      <c r="R284" s="351"/>
      <c r="S284" s="176"/>
      <c r="T284" s="177"/>
      <c r="U284" s="178"/>
      <c r="V284" s="176"/>
      <c r="W284" s="177"/>
      <c r="X284" s="178"/>
      <c r="Y284" s="176"/>
      <c r="Z284" s="177"/>
      <c r="AA284" s="178"/>
      <c r="AB284" s="176"/>
      <c r="AC284" s="177"/>
      <c r="AD284" s="178"/>
      <c r="AE284" s="176"/>
      <c r="AF284" s="177"/>
      <c r="AG284" s="859"/>
    </row>
    <row r="285" spans="1:33" s="1" customFormat="1" ht="15.95" customHeight="1">
      <c r="A285" s="355">
        <v>4</v>
      </c>
      <c r="B285" s="325" t="s">
        <v>115</v>
      </c>
      <c r="C285" s="326"/>
      <c r="D285" s="326"/>
      <c r="E285" s="326"/>
      <c r="F285" s="326"/>
      <c r="G285" s="326"/>
      <c r="H285" s="326"/>
      <c r="I285" s="327"/>
      <c r="J285" s="179">
        <v>3137</v>
      </c>
      <c r="K285" s="180"/>
      <c r="L285" s="180"/>
      <c r="M285" s="180">
        <v>418</v>
      </c>
      <c r="N285" s="180"/>
      <c r="O285" s="180"/>
      <c r="P285" s="180">
        <v>425</v>
      </c>
      <c r="Q285" s="180"/>
      <c r="R285" s="180"/>
      <c r="S285" s="180">
        <v>690</v>
      </c>
      <c r="T285" s="180"/>
      <c r="U285" s="180"/>
      <c r="V285" s="180">
        <v>653</v>
      </c>
      <c r="W285" s="180"/>
      <c r="X285" s="180"/>
      <c r="Y285" s="180">
        <v>456</v>
      </c>
      <c r="Z285" s="180"/>
      <c r="AA285" s="180"/>
      <c r="AB285" s="180">
        <v>304</v>
      </c>
      <c r="AC285" s="180"/>
      <c r="AD285" s="180"/>
      <c r="AE285" s="180">
        <v>191</v>
      </c>
      <c r="AF285" s="180"/>
      <c r="AG285" s="184"/>
    </row>
    <row r="286" spans="1:33" s="1" customFormat="1" ht="15.95" customHeight="1">
      <c r="A286" s="358"/>
      <c r="B286" s="352" t="s">
        <v>254</v>
      </c>
      <c r="C286" s="353"/>
      <c r="D286" s="353"/>
      <c r="E286" s="353"/>
      <c r="F286" s="353"/>
      <c r="G286" s="353"/>
      <c r="H286" s="353"/>
      <c r="I286" s="354"/>
      <c r="J286" s="100">
        <v>3092</v>
      </c>
      <c r="K286" s="98"/>
      <c r="L286" s="98"/>
      <c r="M286" s="98">
        <v>416</v>
      </c>
      <c r="N286" s="98"/>
      <c r="O286" s="98"/>
      <c r="P286" s="98">
        <v>419</v>
      </c>
      <c r="Q286" s="98"/>
      <c r="R286" s="98"/>
      <c r="S286" s="98">
        <v>680</v>
      </c>
      <c r="T286" s="98"/>
      <c r="U286" s="98"/>
      <c r="V286" s="98">
        <v>642</v>
      </c>
      <c r="W286" s="98"/>
      <c r="X286" s="98"/>
      <c r="Y286" s="98">
        <v>446</v>
      </c>
      <c r="Z286" s="98"/>
      <c r="AA286" s="98"/>
      <c r="AB286" s="98">
        <v>303</v>
      </c>
      <c r="AC286" s="98"/>
      <c r="AD286" s="98"/>
      <c r="AE286" s="98">
        <v>186</v>
      </c>
      <c r="AF286" s="98"/>
      <c r="AG286" s="99"/>
    </row>
    <row r="287" spans="1:33" s="1" customFormat="1" ht="15.95" customHeight="1">
      <c r="A287" s="358"/>
      <c r="B287" s="352" t="s">
        <v>285</v>
      </c>
      <c r="C287" s="353"/>
      <c r="D287" s="353"/>
      <c r="E287" s="353"/>
      <c r="F287" s="353"/>
      <c r="G287" s="353"/>
      <c r="H287" s="353"/>
      <c r="I287" s="354"/>
      <c r="J287" s="100">
        <v>325</v>
      </c>
      <c r="K287" s="98"/>
      <c r="L287" s="98"/>
      <c r="M287" s="98">
        <v>44</v>
      </c>
      <c r="N287" s="98"/>
      <c r="O287" s="98"/>
      <c r="P287" s="98">
        <v>62</v>
      </c>
      <c r="Q287" s="98"/>
      <c r="R287" s="98"/>
      <c r="S287" s="98">
        <v>61</v>
      </c>
      <c r="T287" s="98"/>
      <c r="U287" s="98"/>
      <c r="V287" s="98">
        <v>64</v>
      </c>
      <c r="W287" s="98"/>
      <c r="X287" s="98"/>
      <c r="Y287" s="98">
        <v>50</v>
      </c>
      <c r="Z287" s="98"/>
      <c r="AA287" s="98"/>
      <c r="AB287" s="98">
        <v>23</v>
      </c>
      <c r="AC287" s="98"/>
      <c r="AD287" s="98"/>
      <c r="AE287" s="98">
        <v>21</v>
      </c>
      <c r="AF287" s="98"/>
      <c r="AG287" s="99"/>
    </row>
    <row r="288" spans="1:33" s="1" customFormat="1" ht="15.95" customHeight="1">
      <c r="A288" s="358"/>
      <c r="B288" s="352" t="s">
        <v>286</v>
      </c>
      <c r="C288" s="353"/>
      <c r="D288" s="353"/>
      <c r="E288" s="353"/>
      <c r="F288" s="353"/>
      <c r="G288" s="353"/>
      <c r="H288" s="353"/>
      <c r="I288" s="354"/>
      <c r="J288" s="100">
        <v>2767</v>
      </c>
      <c r="K288" s="98"/>
      <c r="L288" s="98"/>
      <c r="M288" s="98">
        <v>372</v>
      </c>
      <c r="N288" s="98"/>
      <c r="O288" s="98"/>
      <c r="P288" s="98">
        <v>357</v>
      </c>
      <c r="Q288" s="98"/>
      <c r="R288" s="98"/>
      <c r="S288" s="98">
        <v>619</v>
      </c>
      <c r="T288" s="98"/>
      <c r="U288" s="98"/>
      <c r="V288" s="98">
        <v>578</v>
      </c>
      <c r="W288" s="98"/>
      <c r="X288" s="98"/>
      <c r="Y288" s="98">
        <v>396</v>
      </c>
      <c r="Z288" s="98"/>
      <c r="AA288" s="98"/>
      <c r="AB288" s="98">
        <v>280</v>
      </c>
      <c r="AC288" s="98"/>
      <c r="AD288" s="98"/>
      <c r="AE288" s="98">
        <v>165</v>
      </c>
      <c r="AF288" s="98"/>
      <c r="AG288" s="99"/>
    </row>
    <row r="289" spans="1:37" s="1" customFormat="1" ht="15.95" customHeight="1">
      <c r="A289" s="359"/>
      <c r="B289" s="335" t="s">
        <v>256</v>
      </c>
      <c r="C289" s="336"/>
      <c r="D289" s="336"/>
      <c r="E289" s="336"/>
      <c r="F289" s="336"/>
      <c r="G289" s="336"/>
      <c r="H289" s="336"/>
      <c r="I289" s="337"/>
      <c r="J289" s="328">
        <v>45</v>
      </c>
      <c r="K289" s="96"/>
      <c r="L289" s="96"/>
      <c r="M289" s="96">
        <v>2</v>
      </c>
      <c r="N289" s="96"/>
      <c r="O289" s="96"/>
      <c r="P289" s="96">
        <v>6</v>
      </c>
      <c r="Q289" s="96"/>
      <c r="R289" s="96"/>
      <c r="S289" s="96">
        <v>10</v>
      </c>
      <c r="T289" s="96"/>
      <c r="U289" s="96"/>
      <c r="V289" s="96">
        <v>11</v>
      </c>
      <c r="W289" s="96"/>
      <c r="X289" s="96"/>
      <c r="Y289" s="96">
        <v>10</v>
      </c>
      <c r="Z289" s="96"/>
      <c r="AA289" s="96"/>
      <c r="AB289" s="96">
        <v>1</v>
      </c>
      <c r="AC289" s="96"/>
      <c r="AD289" s="96"/>
      <c r="AE289" s="96">
        <v>5</v>
      </c>
      <c r="AF289" s="96"/>
      <c r="AG289" s="680"/>
    </row>
    <row r="290" spans="1:37" s="1" customFormat="1" ht="15.95" customHeight="1">
      <c r="A290" s="355">
        <v>5</v>
      </c>
      <c r="B290" s="325" t="s">
        <v>115</v>
      </c>
      <c r="C290" s="326"/>
      <c r="D290" s="326"/>
      <c r="E290" s="326"/>
      <c r="F290" s="326"/>
      <c r="G290" s="326"/>
      <c r="H290" s="326"/>
      <c r="I290" s="327"/>
      <c r="J290" s="179">
        <v>3299</v>
      </c>
      <c r="K290" s="180"/>
      <c r="L290" s="180"/>
      <c r="M290" s="180">
        <v>463</v>
      </c>
      <c r="N290" s="180"/>
      <c r="O290" s="180"/>
      <c r="P290" s="180">
        <v>463</v>
      </c>
      <c r="Q290" s="180"/>
      <c r="R290" s="180"/>
      <c r="S290" s="180">
        <v>748</v>
      </c>
      <c r="T290" s="180"/>
      <c r="U290" s="180"/>
      <c r="V290" s="180">
        <v>650</v>
      </c>
      <c r="W290" s="180"/>
      <c r="X290" s="180"/>
      <c r="Y290" s="180">
        <v>454</v>
      </c>
      <c r="Z290" s="180"/>
      <c r="AA290" s="180"/>
      <c r="AB290" s="180">
        <v>323</v>
      </c>
      <c r="AC290" s="180"/>
      <c r="AD290" s="180"/>
      <c r="AE290" s="180">
        <v>198</v>
      </c>
      <c r="AF290" s="180"/>
      <c r="AG290" s="184"/>
    </row>
    <row r="291" spans="1:37" s="1" customFormat="1" ht="15.95" customHeight="1">
      <c r="A291" s="356"/>
      <c r="B291" s="352" t="s">
        <v>254</v>
      </c>
      <c r="C291" s="353"/>
      <c r="D291" s="353"/>
      <c r="E291" s="353"/>
      <c r="F291" s="353"/>
      <c r="G291" s="353"/>
      <c r="H291" s="353"/>
      <c r="I291" s="354"/>
      <c r="J291" s="100">
        <v>3251</v>
      </c>
      <c r="K291" s="98"/>
      <c r="L291" s="98"/>
      <c r="M291" s="98">
        <v>461</v>
      </c>
      <c r="N291" s="98"/>
      <c r="O291" s="98"/>
      <c r="P291" s="98">
        <v>456</v>
      </c>
      <c r="Q291" s="98"/>
      <c r="R291" s="98"/>
      <c r="S291" s="98">
        <v>740</v>
      </c>
      <c r="T291" s="98"/>
      <c r="U291" s="98"/>
      <c r="V291" s="98">
        <v>642</v>
      </c>
      <c r="W291" s="98"/>
      <c r="X291" s="98"/>
      <c r="Y291" s="98">
        <v>444</v>
      </c>
      <c r="Z291" s="98"/>
      <c r="AA291" s="98"/>
      <c r="AB291" s="98">
        <v>319</v>
      </c>
      <c r="AC291" s="98"/>
      <c r="AD291" s="98"/>
      <c r="AE291" s="98">
        <v>189</v>
      </c>
      <c r="AF291" s="98"/>
      <c r="AG291" s="99"/>
    </row>
    <row r="292" spans="1:37" s="1" customFormat="1" ht="15.95" customHeight="1">
      <c r="A292" s="356"/>
      <c r="B292" s="352" t="s">
        <v>285</v>
      </c>
      <c r="C292" s="353"/>
      <c r="D292" s="353"/>
      <c r="E292" s="353"/>
      <c r="F292" s="353"/>
      <c r="G292" s="353"/>
      <c r="H292" s="353"/>
      <c r="I292" s="354"/>
      <c r="J292" s="100">
        <v>302</v>
      </c>
      <c r="K292" s="98"/>
      <c r="L292" s="98"/>
      <c r="M292" s="97">
        <v>41</v>
      </c>
      <c r="N292" s="97"/>
      <c r="O292" s="97"/>
      <c r="P292" s="97">
        <v>59</v>
      </c>
      <c r="Q292" s="97"/>
      <c r="R292" s="97"/>
      <c r="S292" s="97">
        <v>59</v>
      </c>
      <c r="T292" s="97"/>
      <c r="U292" s="97"/>
      <c r="V292" s="97">
        <v>51</v>
      </c>
      <c r="W292" s="97"/>
      <c r="X292" s="97"/>
      <c r="Y292" s="97">
        <v>43</v>
      </c>
      <c r="Z292" s="97"/>
      <c r="AA292" s="97"/>
      <c r="AB292" s="97">
        <v>27</v>
      </c>
      <c r="AC292" s="97"/>
      <c r="AD292" s="97"/>
      <c r="AE292" s="97">
        <v>22</v>
      </c>
      <c r="AF292" s="97"/>
      <c r="AG292" s="183"/>
    </row>
    <row r="293" spans="1:37" s="1" customFormat="1" ht="15.95" customHeight="1">
      <c r="A293" s="356"/>
      <c r="B293" s="352" t="s">
        <v>286</v>
      </c>
      <c r="C293" s="353"/>
      <c r="D293" s="353"/>
      <c r="E293" s="353"/>
      <c r="F293" s="353"/>
      <c r="G293" s="353"/>
      <c r="H293" s="353"/>
      <c r="I293" s="354"/>
      <c r="J293" s="100">
        <v>2949</v>
      </c>
      <c r="K293" s="98"/>
      <c r="L293" s="98"/>
      <c r="M293" s="97">
        <v>420</v>
      </c>
      <c r="N293" s="97"/>
      <c r="O293" s="97"/>
      <c r="P293" s="97">
        <v>397</v>
      </c>
      <c r="Q293" s="97"/>
      <c r="R293" s="97"/>
      <c r="S293" s="97">
        <v>681</v>
      </c>
      <c r="T293" s="97"/>
      <c r="U293" s="97"/>
      <c r="V293" s="97">
        <v>591</v>
      </c>
      <c r="W293" s="97"/>
      <c r="X293" s="97"/>
      <c r="Y293" s="97">
        <v>401</v>
      </c>
      <c r="Z293" s="97"/>
      <c r="AA293" s="97"/>
      <c r="AB293" s="97">
        <v>292</v>
      </c>
      <c r="AC293" s="97"/>
      <c r="AD293" s="97"/>
      <c r="AE293" s="97">
        <v>167</v>
      </c>
      <c r="AF293" s="97"/>
      <c r="AG293" s="183"/>
    </row>
    <row r="294" spans="1:37" s="1" customFormat="1" ht="15.95" customHeight="1">
      <c r="A294" s="357"/>
      <c r="B294" s="335" t="s">
        <v>256</v>
      </c>
      <c r="C294" s="336"/>
      <c r="D294" s="336"/>
      <c r="E294" s="336"/>
      <c r="F294" s="336"/>
      <c r="G294" s="336"/>
      <c r="H294" s="336"/>
      <c r="I294" s="337"/>
      <c r="J294" s="328">
        <v>48</v>
      </c>
      <c r="K294" s="96"/>
      <c r="L294" s="96"/>
      <c r="M294" s="95">
        <v>2</v>
      </c>
      <c r="N294" s="95"/>
      <c r="O294" s="95"/>
      <c r="P294" s="95">
        <v>7</v>
      </c>
      <c r="Q294" s="95"/>
      <c r="R294" s="95"/>
      <c r="S294" s="95">
        <v>8</v>
      </c>
      <c r="T294" s="95"/>
      <c r="U294" s="95"/>
      <c r="V294" s="95">
        <v>8</v>
      </c>
      <c r="W294" s="95"/>
      <c r="X294" s="95"/>
      <c r="Y294" s="95">
        <v>10</v>
      </c>
      <c r="Z294" s="95"/>
      <c r="AA294" s="95"/>
      <c r="AB294" s="95">
        <v>4</v>
      </c>
      <c r="AC294" s="95"/>
      <c r="AD294" s="95"/>
      <c r="AE294" s="95">
        <v>9</v>
      </c>
      <c r="AF294" s="95"/>
      <c r="AG294" s="182"/>
    </row>
    <row r="295" spans="1:37" s="1" customFormat="1" ht="15.95" customHeight="1">
      <c r="A295" s="126">
        <v>6</v>
      </c>
      <c r="B295" s="341" t="s">
        <v>115</v>
      </c>
      <c r="C295" s="342"/>
      <c r="D295" s="342"/>
      <c r="E295" s="342"/>
      <c r="F295" s="342"/>
      <c r="G295" s="342"/>
      <c r="H295" s="342"/>
      <c r="I295" s="343"/>
      <c r="J295" s="121">
        <v>3503</v>
      </c>
      <c r="K295" s="92"/>
      <c r="L295" s="92"/>
      <c r="M295" s="92">
        <v>494</v>
      </c>
      <c r="N295" s="92"/>
      <c r="O295" s="92"/>
      <c r="P295" s="92">
        <v>477</v>
      </c>
      <c r="Q295" s="92"/>
      <c r="R295" s="92"/>
      <c r="S295" s="92">
        <v>787</v>
      </c>
      <c r="T295" s="92"/>
      <c r="U295" s="92"/>
      <c r="V295" s="92">
        <v>715</v>
      </c>
      <c r="W295" s="92"/>
      <c r="X295" s="92"/>
      <c r="Y295" s="92">
        <v>476</v>
      </c>
      <c r="Z295" s="92"/>
      <c r="AA295" s="92"/>
      <c r="AB295" s="92">
        <v>343</v>
      </c>
      <c r="AC295" s="92"/>
      <c r="AD295" s="92"/>
      <c r="AE295" s="92">
        <v>211</v>
      </c>
      <c r="AF295" s="92"/>
      <c r="AG295" s="93"/>
    </row>
    <row r="296" spans="1:37" s="1" customFormat="1" ht="15.95" customHeight="1">
      <c r="A296" s="126"/>
      <c r="B296" s="338" t="s">
        <v>254</v>
      </c>
      <c r="C296" s="339"/>
      <c r="D296" s="339"/>
      <c r="E296" s="339"/>
      <c r="F296" s="339"/>
      <c r="G296" s="339"/>
      <c r="H296" s="339"/>
      <c r="I296" s="340"/>
      <c r="J296" s="121">
        <v>3447</v>
      </c>
      <c r="K296" s="92"/>
      <c r="L296" s="92"/>
      <c r="M296" s="92">
        <v>489</v>
      </c>
      <c r="N296" s="92"/>
      <c r="O296" s="92"/>
      <c r="P296" s="92">
        <v>470</v>
      </c>
      <c r="Q296" s="92"/>
      <c r="R296" s="92"/>
      <c r="S296" s="92">
        <v>780</v>
      </c>
      <c r="T296" s="92"/>
      <c r="U296" s="92"/>
      <c r="V296" s="92">
        <v>701</v>
      </c>
      <c r="W296" s="92"/>
      <c r="X296" s="92"/>
      <c r="Y296" s="92">
        <v>467</v>
      </c>
      <c r="Z296" s="92"/>
      <c r="AA296" s="92"/>
      <c r="AB296" s="92">
        <v>337</v>
      </c>
      <c r="AC296" s="92"/>
      <c r="AD296" s="92"/>
      <c r="AE296" s="92">
        <v>203</v>
      </c>
      <c r="AF296" s="92"/>
      <c r="AG296" s="93"/>
      <c r="AK296" s="7"/>
    </row>
    <row r="297" spans="1:37" s="1" customFormat="1" ht="15.95" customHeight="1">
      <c r="A297" s="126"/>
      <c r="B297" s="338" t="s">
        <v>285</v>
      </c>
      <c r="C297" s="339"/>
      <c r="D297" s="339"/>
      <c r="E297" s="339"/>
      <c r="F297" s="339"/>
      <c r="G297" s="339"/>
      <c r="H297" s="339"/>
      <c r="I297" s="340"/>
      <c r="J297" s="121">
        <v>281</v>
      </c>
      <c r="K297" s="92"/>
      <c r="L297" s="92"/>
      <c r="M297" s="94">
        <v>44</v>
      </c>
      <c r="N297" s="94"/>
      <c r="O297" s="94"/>
      <c r="P297" s="94">
        <v>50</v>
      </c>
      <c r="Q297" s="94"/>
      <c r="R297" s="94"/>
      <c r="S297" s="94">
        <v>45</v>
      </c>
      <c r="T297" s="94"/>
      <c r="U297" s="94"/>
      <c r="V297" s="94">
        <v>60</v>
      </c>
      <c r="W297" s="94"/>
      <c r="X297" s="94"/>
      <c r="Y297" s="94">
        <v>35</v>
      </c>
      <c r="Z297" s="94"/>
      <c r="AA297" s="94"/>
      <c r="AB297" s="94">
        <v>30</v>
      </c>
      <c r="AC297" s="94"/>
      <c r="AD297" s="94"/>
      <c r="AE297" s="94">
        <v>17</v>
      </c>
      <c r="AF297" s="94"/>
      <c r="AG297" s="164"/>
    </row>
    <row r="298" spans="1:37" s="1" customFormat="1" ht="15.95" customHeight="1">
      <c r="A298" s="126"/>
      <c r="B298" s="338" t="s">
        <v>286</v>
      </c>
      <c r="C298" s="339"/>
      <c r="D298" s="339"/>
      <c r="E298" s="339"/>
      <c r="F298" s="339"/>
      <c r="G298" s="339"/>
      <c r="H298" s="339"/>
      <c r="I298" s="340"/>
      <c r="J298" s="121">
        <v>3166</v>
      </c>
      <c r="K298" s="92"/>
      <c r="L298" s="92"/>
      <c r="M298" s="94">
        <v>445</v>
      </c>
      <c r="N298" s="94"/>
      <c r="O298" s="94"/>
      <c r="P298" s="94">
        <v>420</v>
      </c>
      <c r="Q298" s="94"/>
      <c r="R298" s="94"/>
      <c r="S298" s="94">
        <v>735</v>
      </c>
      <c r="T298" s="94"/>
      <c r="U298" s="94"/>
      <c r="V298" s="94">
        <v>641</v>
      </c>
      <c r="W298" s="94"/>
      <c r="X298" s="94"/>
      <c r="Y298" s="94">
        <v>432</v>
      </c>
      <c r="Z298" s="94"/>
      <c r="AA298" s="94"/>
      <c r="AB298" s="94">
        <v>307</v>
      </c>
      <c r="AC298" s="94"/>
      <c r="AD298" s="94"/>
      <c r="AE298" s="94">
        <v>186</v>
      </c>
      <c r="AF298" s="94"/>
      <c r="AG298" s="164"/>
    </row>
    <row r="299" spans="1:37" s="1" customFormat="1" ht="15.95" customHeight="1">
      <c r="A299" s="127"/>
      <c r="B299" s="116" t="s">
        <v>256</v>
      </c>
      <c r="C299" s="117"/>
      <c r="D299" s="117"/>
      <c r="E299" s="117"/>
      <c r="F299" s="117"/>
      <c r="G299" s="117"/>
      <c r="H299" s="117"/>
      <c r="I299" s="118"/>
      <c r="J299" s="119">
        <v>56</v>
      </c>
      <c r="K299" s="120"/>
      <c r="L299" s="120"/>
      <c r="M299" s="113">
        <v>5</v>
      </c>
      <c r="N299" s="113"/>
      <c r="O299" s="113"/>
      <c r="P299" s="113">
        <v>7</v>
      </c>
      <c r="Q299" s="113"/>
      <c r="R299" s="113"/>
      <c r="S299" s="113">
        <v>7</v>
      </c>
      <c r="T299" s="113"/>
      <c r="U299" s="113"/>
      <c r="V299" s="113">
        <v>14</v>
      </c>
      <c r="W299" s="113"/>
      <c r="X299" s="113"/>
      <c r="Y299" s="113">
        <v>9</v>
      </c>
      <c r="Z299" s="113"/>
      <c r="AA299" s="113"/>
      <c r="AB299" s="113">
        <v>6</v>
      </c>
      <c r="AC299" s="113"/>
      <c r="AD299" s="113"/>
      <c r="AE299" s="113">
        <v>8</v>
      </c>
      <c r="AF299" s="113"/>
      <c r="AG299" s="161"/>
    </row>
    <row r="300" spans="1:37" s="1" customFormat="1" ht="13.5" customHeight="1">
      <c r="A300" s="64"/>
      <c r="B300" s="53"/>
      <c r="C300" s="53"/>
      <c r="D300" s="53"/>
      <c r="E300" s="53"/>
      <c r="F300" s="53"/>
      <c r="G300" s="53"/>
      <c r="H300" s="53"/>
      <c r="I300" s="53"/>
      <c r="J300" s="53"/>
      <c r="K300" s="53"/>
      <c r="L300" s="53"/>
      <c r="M300" s="53"/>
      <c r="N300" s="53"/>
      <c r="AB300" s="3"/>
      <c r="AC300" s="3"/>
      <c r="AD300" s="3"/>
      <c r="AE300" s="3"/>
      <c r="AF300" s="3"/>
      <c r="AG300" s="3" t="s">
        <v>330</v>
      </c>
      <c r="AH300" s="3"/>
    </row>
    <row r="301" spans="1:37" s="1" customFormat="1" ht="15.95" customHeight="1">
      <c r="A301" s="13"/>
      <c r="AB301" s="3"/>
      <c r="AC301" s="3"/>
      <c r="AD301" s="3"/>
      <c r="AE301" s="3"/>
      <c r="AF301" s="3"/>
    </row>
    <row r="302" spans="1:37" s="5" customFormat="1" ht="20.100000000000001" customHeight="1">
      <c r="A302" s="18" t="s">
        <v>207</v>
      </c>
      <c r="B302" s="18"/>
      <c r="C302" s="18"/>
      <c r="D302" s="18"/>
      <c r="E302" s="18"/>
      <c r="F302" s="18"/>
    </row>
    <row r="303" spans="1:37" s="1" customFormat="1" ht="15.95" customHeight="1">
      <c r="B303" s="1" t="s">
        <v>15</v>
      </c>
      <c r="P303" s="54"/>
      <c r="Q303" s="54"/>
      <c r="R303" s="54"/>
      <c r="S303" s="54"/>
      <c r="T303" s="54"/>
      <c r="U303" s="54"/>
      <c r="V303" s="54"/>
      <c r="W303" s="54"/>
      <c r="X303" s="54"/>
      <c r="Y303" s="54"/>
      <c r="Z303" s="54"/>
      <c r="AA303" s="54"/>
      <c r="AB303" s="3"/>
      <c r="AC303" s="3"/>
      <c r="AD303" s="3"/>
      <c r="AE303" s="3"/>
      <c r="AF303" s="3"/>
      <c r="AG303" s="4" t="s">
        <v>20</v>
      </c>
    </row>
    <row r="304" spans="1:37" s="1" customFormat="1" ht="14.1" customHeight="1">
      <c r="A304" s="123" t="s">
        <v>32</v>
      </c>
      <c r="B304" s="124"/>
      <c r="C304" s="125"/>
      <c r="D304" s="132" t="s">
        <v>115</v>
      </c>
      <c r="E304" s="133"/>
      <c r="F304" s="133"/>
      <c r="G304" s="133"/>
      <c r="H304" s="133"/>
      <c r="I304" s="134"/>
      <c r="J304" s="132" t="s">
        <v>335</v>
      </c>
      <c r="K304" s="133"/>
      <c r="L304" s="133"/>
      <c r="M304" s="133"/>
      <c r="N304" s="133"/>
      <c r="O304" s="134"/>
      <c r="P304" s="132" t="s">
        <v>255</v>
      </c>
      <c r="Q304" s="133"/>
      <c r="R304" s="133"/>
      <c r="S304" s="133"/>
      <c r="T304" s="133"/>
      <c r="U304" s="134"/>
      <c r="V304" s="860" t="s">
        <v>264</v>
      </c>
      <c r="W304" s="861"/>
      <c r="X304" s="861"/>
      <c r="Y304" s="861"/>
      <c r="Z304" s="861"/>
      <c r="AA304" s="862"/>
      <c r="AB304" s="101" t="s">
        <v>311</v>
      </c>
      <c r="AC304" s="102"/>
      <c r="AD304" s="102"/>
      <c r="AE304" s="102"/>
      <c r="AF304" s="102"/>
      <c r="AG304" s="103"/>
    </row>
    <row r="305" spans="1:33" s="1" customFormat="1" ht="14.1" customHeight="1">
      <c r="A305" s="128" t="s">
        <v>31</v>
      </c>
      <c r="B305" s="129"/>
      <c r="C305" s="130"/>
      <c r="D305" s="135"/>
      <c r="E305" s="136"/>
      <c r="F305" s="136"/>
      <c r="G305" s="136"/>
      <c r="H305" s="136"/>
      <c r="I305" s="137"/>
      <c r="J305" s="135"/>
      <c r="K305" s="136"/>
      <c r="L305" s="136"/>
      <c r="M305" s="136"/>
      <c r="N305" s="136"/>
      <c r="O305" s="137"/>
      <c r="P305" s="135"/>
      <c r="Q305" s="136"/>
      <c r="R305" s="136"/>
      <c r="S305" s="136"/>
      <c r="T305" s="136"/>
      <c r="U305" s="137"/>
      <c r="V305" s="522"/>
      <c r="W305" s="523"/>
      <c r="X305" s="523"/>
      <c r="Y305" s="523"/>
      <c r="Z305" s="523"/>
      <c r="AA305" s="524"/>
      <c r="AB305" s="104"/>
      <c r="AC305" s="105"/>
      <c r="AD305" s="105"/>
      <c r="AE305" s="105"/>
      <c r="AF305" s="105"/>
      <c r="AG305" s="106"/>
    </row>
    <row r="306" spans="1:33" s="1" customFormat="1" ht="20.100000000000001" customHeight="1">
      <c r="A306" s="332">
        <v>4</v>
      </c>
      <c r="B306" s="333"/>
      <c r="C306" s="334"/>
      <c r="D306" s="160">
        <v>17566</v>
      </c>
      <c r="E306" s="151"/>
      <c r="F306" s="151"/>
      <c r="G306" s="151"/>
      <c r="H306" s="151"/>
      <c r="I306" s="151"/>
      <c r="J306" s="151">
        <v>7828</v>
      </c>
      <c r="K306" s="151"/>
      <c r="L306" s="151"/>
      <c r="M306" s="151"/>
      <c r="N306" s="151"/>
      <c r="O306" s="151"/>
      <c r="P306" s="151">
        <v>9738</v>
      </c>
      <c r="Q306" s="151"/>
      <c r="R306" s="151"/>
      <c r="S306" s="151"/>
      <c r="T306" s="151"/>
      <c r="U306" s="151"/>
      <c r="V306" s="151">
        <v>89</v>
      </c>
      <c r="W306" s="151"/>
      <c r="X306" s="151"/>
      <c r="Y306" s="151"/>
      <c r="Z306" s="151"/>
      <c r="AA306" s="151"/>
      <c r="AB306" s="151">
        <v>89</v>
      </c>
      <c r="AC306" s="151"/>
      <c r="AD306" s="151"/>
      <c r="AE306" s="151"/>
      <c r="AF306" s="151"/>
      <c r="AG306" s="739"/>
    </row>
    <row r="307" spans="1:33" s="1" customFormat="1" ht="20.100000000000001" customHeight="1">
      <c r="A307" s="259">
        <v>5</v>
      </c>
      <c r="B307" s="260"/>
      <c r="C307" s="261"/>
      <c r="D307" s="160">
        <v>17660</v>
      </c>
      <c r="E307" s="151"/>
      <c r="F307" s="151"/>
      <c r="G307" s="151"/>
      <c r="H307" s="151"/>
      <c r="I307" s="151"/>
      <c r="J307" s="131">
        <v>7345</v>
      </c>
      <c r="K307" s="131"/>
      <c r="L307" s="131"/>
      <c r="M307" s="131"/>
      <c r="N307" s="131"/>
      <c r="O307" s="131"/>
      <c r="P307" s="131">
        <v>10315</v>
      </c>
      <c r="Q307" s="131"/>
      <c r="R307" s="131"/>
      <c r="S307" s="131"/>
      <c r="T307" s="131"/>
      <c r="U307" s="131"/>
      <c r="V307" s="131">
        <v>99</v>
      </c>
      <c r="W307" s="131"/>
      <c r="X307" s="131"/>
      <c r="Y307" s="131"/>
      <c r="Z307" s="131"/>
      <c r="AA307" s="131"/>
      <c r="AB307" s="131">
        <v>92</v>
      </c>
      <c r="AC307" s="131"/>
      <c r="AD307" s="131"/>
      <c r="AE307" s="131"/>
      <c r="AF307" s="131"/>
      <c r="AG307" s="805"/>
    </row>
    <row r="308" spans="1:33" s="1" customFormat="1" ht="20.100000000000001" customHeight="1">
      <c r="A308" s="329">
        <v>6</v>
      </c>
      <c r="B308" s="330"/>
      <c r="C308" s="331"/>
      <c r="D308" s="344">
        <v>17715</v>
      </c>
      <c r="E308" s="345"/>
      <c r="F308" s="345"/>
      <c r="G308" s="345"/>
      <c r="H308" s="345"/>
      <c r="I308" s="345"/>
      <c r="J308" s="122">
        <v>6892</v>
      </c>
      <c r="K308" s="122"/>
      <c r="L308" s="122"/>
      <c r="M308" s="122"/>
      <c r="N308" s="122"/>
      <c r="O308" s="122"/>
      <c r="P308" s="122">
        <v>10823</v>
      </c>
      <c r="Q308" s="122"/>
      <c r="R308" s="122"/>
      <c r="S308" s="122"/>
      <c r="T308" s="122"/>
      <c r="U308" s="122"/>
      <c r="V308" s="122">
        <v>102</v>
      </c>
      <c r="W308" s="122"/>
      <c r="X308" s="122"/>
      <c r="Y308" s="122"/>
      <c r="Z308" s="122"/>
      <c r="AA308" s="122"/>
      <c r="AB308" s="122">
        <v>115</v>
      </c>
      <c r="AC308" s="122"/>
      <c r="AD308" s="122"/>
      <c r="AE308" s="122"/>
      <c r="AF308" s="122"/>
      <c r="AG308" s="181"/>
    </row>
    <row r="309" spans="1:33" s="1" customFormat="1" ht="12.95" customHeight="1">
      <c r="O309" s="55"/>
      <c r="P309" s="55"/>
      <c r="Q309" s="55"/>
      <c r="R309" s="55"/>
      <c r="S309" s="55"/>
      <c r="T309" s="55"/>
      <c r="U309" s="55"/>
      <c r="V309" s="55"/>
      <c r="W309" s="55"/>
      <c r="X309" s="55"/>
      <c r="Y309" s="55"/>
      <c r="Z309" s="55"/>
      <c r="AA309" s="55"/>
      <c r="AB309" s="3"/>
      <c r="AC309" s="3"/>
      <c r="AD309" s="3"/>
      <c r="AE309" s="3"/>
      <c r="AF309" s="3"/>
      <c r="AG309" s="3" t="s">
        <v>330</v>
      </c>
    </row>
    <row r="310" spans="1:33" s="1" customFormat="1" ht="13.5" customHeight="1">
      <c r="AB310" s="3"/>
      <c r="AC310" s="3"/>
      <c r="AD310" s="3"/>
      <c r="AE310" s="3"/>
      <c r="AF310" s="3"/>
      <c r="AG310" s="3"/>
    </row>
    <row r="311" spans="1:33" s="5" customFormat="1" ht="19.5" customHeight="1">
      <c r="A311" s="18" t="s">
        <v>171</v>
      </c>
    </row>
    <row r="312" spans="1:33" s="1" customFormat="1" ht="15.95" customHeight="1">
      <c r="A312" s="189" t="s">
        <v>31</v>
      </c>
      <c r="B312" s="190"/>
      <c r="C312" s="190"/>
      <c r="D312" s="190"/>
      <c r="E312" s="190"/>
      <c r="F312" s="190"/>
      <c r="G312" s="190"/>
      <c r="H312" s="190"/>
      <c r="I312" s="190"/>
      <c r="J312" s="190"/>
      <c r="K312" s="190"/>
      <c r="L312" s="190"/>
      <c r="M312" s="190"/>
      <c r="N312" s="190"/>
      <c r="O312" s="191"/>
      <c r="P312" s="192">
        <v>4</v>
      </c>
      <c r="Q312" s="193"/>
      <c r="R312" s="193"/>
      <c r="S312" s="193"/>
      <c r="T312" s="193"/>
      <c r="U312" s="194"/>
      <c r="V312" s="192">
        <v>5</v>
      </c>
      <c r="W312" s="193"/>
      <c r="X312" s="193"/>
      <c r="Y312" s="193"/>
      <c r="Z312" s="193"/>
      <c r="AA312" s="194"/>
      <c r="AB312" s="198">
        <v>6</v>
      </c>
      <c r="AC312" s="198"/>
      <c r="AD312" s="198"/>
      <c r="AE312" s="198"/>
      <c r="AF312" s="198"/>
      <c r="AG312" s="199"/>
    </row>
    <row r="313" spans="1:33" s="1" customFormat="1" ht="15.95" customHeight="1">
      <c r="A313" s="138" t="s">
        <v>32</v>
      </c>
      <c r="B313" s="139"/>
      <c r="C313" s="139"/>
      <c r="D313" s="139"/>
      <c r="E313" s="139"/>
      <c r="F313" s="139"/>
      <c r="G313" s="139"/>
      <c r="H313" s="139"/>
      <c r="I313" s="139"/>
      <c r="J313" s="139"/>
      <c r="K313" s="139"/>
      <c r="L313" s="139"/>
      <c r="M313" s="139"/>
      <c r="N313" s="139"/>
      <c r="O313" s="140"/>
      <c r="P313" s="195"/>
      <c r="Q313" s="196"/>
      <c r="R313" s="196"/>
      <c r="S313" s="196"/>
      <c r="T313" s="196"/>
      <c r="U313" s="197"/>
      <c r="V313" s="195"/>
      <c r="W313" s="196"/>
      <c r="X313" s="196"/>
      <c r="Y313" s="196"/>
      <c r="Z313" s="196"/>
      <c r="AA313" s="197"/>
      <c r="AB313" s="200"/>
      <c r="AC313" s="200"/>
      <c r="AD313" s="200"/>
      <c r="AE313" s="200"/>
      <c r="AF313" s="200"/>
      <c r="AG313" s="201"/>
    </row>
    <row r="314" spans="1:33" s="1" customFormat="1" ht="20.100000000000001" customHeight="1">
      <c r="A314" s="319" t="s">
        <v>172</v>
      </c>
      <c r="B314" s="109"/>
      <c r="C314" s="110"/>
      <c r="D314" s="111" t="s">
        <v>116</v>
      </c>
      <c r="E314" s="112"/>
      <c r="F314" s="112"/>
      <c r="G314" s="112"/>
      <c r="H314" s="112"/>
      <c r="I314" s="112"/>
      <c r="J314" s="112"/>
      <c r="K314" s="112"/>
      <c r="L314" s="112"/>
      <c r="M314" s="112"/>
      <c r="N314" s="109" t="s">
        <v>173</v>
      </c>
      <c r="O314" s="110"/>
      <c r="P314" s="857">
        <v>165081</v>
      </c>
      <c r="Q314" s="660"/>
      <c r="R314" s="660"/>
      <c r="S314" s="660"/>
      <c r="T314" s="660"/>
      <c r="U314" s="660"/>
      <c r="V314" s="506">
        <v>172669</v>
      </c>
      <c r="W314" s="506"/>
      <c r="X314" s="506"/>
      <c r="Y314" s="506"/>
      <c r="Z314" s="506"/>
      <c r="AA314" s="506"/>
      <c r="AB314" s="655">
        <v>173025</v>
      </c>
      <c r="AC314" s="655"/>
      <c r="AD314" s="655"/>
      <c r="AE314" s="655"/>
      <c r="AF314" s="655"/>
      <c r="AG314" s="656"/>
    </row>
    <row r="315" spans="1:33" s="1" customFormat="1" ht="20.100000000000001" customHeight="1">
      <c r="A315" s="321"/>
      <c r="B315" s="162"/>
      <c r="C315" s="91"/>
      <c r="D315" s="88" t="s">
        <v>117</v>
      </c>
      <c r="E315" s="163"/>
      <c r="F315" s="163"/>
      <c r="G315" s="163"/>
      <c r="H315" s="163"/>
      <c r="I315" s="163"/>
      <c r="J315" s="163"/>
      <c r="K315" s="163"/>
      <c r="L315" s="163"/>
      <c r="M315" s="163"/>
      <c r="N315" s="162" t="s">
        <v>173</v>
      </c>
      <c r="O315" s="91"/>
      <c r="P315" s="114">
        <v>2054</v>
      </c>
      <c r="Q315" s="115"/>
      <c r="R315" s="115"/>
      <c r="S315" s="115"/>
      <c r="T315" s="115"/>
      <c r="U315" s="115"/>
      <c r="V315" s="141">
        <v>2474</v>
      </c>
      <c r="W315" s="141"/>
      <c r="X315" s="141"/>
      <c r="Y315" s="141"/>
      <c r="Z315" s="141"/>
      <c r="AA315" s="141"/>
      <c r="AB315" s="107">
        <v>2385</v>
      </c>
      <c r="AC315" s="107"/>
      <c r="AD315" s="107"/>
      <c r="AE315" s="107"/>
      <c r="AF315" s="107"/>
      <c r="AG315" s="108"/>
    </row>
    <row r="316" spans="1:33" s="1" customFormat="1" ht="20.100000000000001" customHeight="1">
      <c r="A316" s="321"/>
      <c r="B316" s="162"/>
      <c r="C316" s="91"/>
      <c r="D316" s="88" t="s">
        <v>118</v>
      </c>
      <c r="E316" s="163"/>
      <c r="F316" s="163"/>
      <c r="G316" s="163"/>
      <c r="H316" s="163"/>
      <c r="I316" s="163"/>
      <c r="J316" s="163"/>
      <c r="K316" s="163"/>
      <c r="L316" s="163"/>
      <c r="M316" s="163"/>
      <c r="N316" s="162" t="s">
        <v>173</v>
      </c>
      <c r="O316" s="91"/>
      <c r="P316" s="114">
        <v>32721</v>
      </c>
      <c r="Q316" s="115"/>
      <c r="R316" s="115"/>
      <c r="S316" s="115"/>
      <c r="T316" s="115"/>
      <c r="U316" s="115"/>
      <c r="V316" s="141">
        <v>36031</v>
      </c>
      <c r="W316" s="141"/>
      <c r="X316" s="141"/>
      <c r="Y316" s="141"/>
      <c r="Z316" s="141"/>
      <c r="AA316" s="141"/>
      <c r="AB316" s="107">
        <v>39548</v>
      </c>
      <c r="AC316" s="107"/>
      <c r="AD316" s="107"/>
      <c r="AE316" s="107"/>
      <c r="AF316" s="107"/>
      <c r="AG316" s="108"/>
    </row>
    <row r="317" spans="1:33" s="1" customFormat="1" ht="20.100000000000001" customHeight="1">
      <c r="A317" s="321"/>
      <c r="B317" s="162"/>
      <c r="C317" s="91"/>
      <c r="D317" s="88" t="s">
        <v>119</v>
      </c>
      <c r="E317" s="163"/>
      <c r="F317" s="163"/>
      <c r="G317" s="163"/>
      <c r="H317" s="163"/>
      <c r="I317" s="163"/>
      <c r="J317" s="163"/>
      <c r="K317" s="163"/>
      <c r="L317" s="163"/>
      <c r="M317" s="163"/>
      <c r="N317" s="162" t="s">
        <v>173</v>
      </c>
      <c r="O317" s="91"/>
      <c r="P317" s="114">
        <v>12426</v>
      </c>
      <c r="Q317" s="115"/>
      <c r="R317" s="115"/>
      <c r="S317" s="115"/>
      <c r="T317" s="115"/>
      <c r="U317" s="115"/>
      <c r="V317" s="141">
        <v>15122</v>
      </c>
      <c r="W317" s="141"/>
      <c r="X317" s="141"/>
      <c r="Y317" s="141"/>
      <c r="Z317" s="141"/>
      <c r="AA317" s="141"/>
      <c r="AB317" s="107">
        <v>16469</v>
      </c>
      <c r="AC317" s="107"/>
      <c r="AD317" s="107"/>
      <c r="AE317" s="107"/>
      <c r="AF317" s="107"/>
      <c r="AG317" s="108"/>
    </row>
    <row r="318" spans="1:33" s="1" customFormat="1" ht="20.100000000000001" customHeight="1">
      <c r="A318" s="321"/>
      <c r="B318" s="162"/>
      <c r="C318" s="91"/>
      <c r="D318" s="88" t="s">
        <v>120</v>
      </c>
      <c r="E318" s="163"/>
      <c r="F318" s="163"/>
      <c r="G318" s="163"/>
      <c r="H318" s="163"/>
      <c r="I318" s="163"/>
      <c r="J318" s="163"/>
      <c r="K318" s="163"/>
      <c r="L318" s="163"/>
      <c r="M318" s="163"/>
      <c r="N318" s="162" t="s">
        <v>173</v>
      </c>
      <c r="O318" s="91"/>
      <c r="P318" s="114">
        <v>45858</v>
      </c>
      <c r="Q318" s="115"/>
      <c r="R318" s="115"/>
      <c r="S318" s="115"/>
      <c r="T318" s="115"/>
      <c r="U318" s="115"/>
      <c r="V318" s="141">
        <v>44312</v>
      </c>
      <c r="W318" s="141"/>
      <c r="X318" s="141"/>
      <c r="Y318" s="141"/>
      <c r="Z318" s="141"/>
      <c r="AA318" s="141"/>
      <c r="AB318" s="107">
        <v>45717</v>
      </c>
      <c r="AC318" s="107"/>
      <c r="AD318" s="107"/>
      <c r="AE318" s="107"/>
      <c r="AF318" s="107"/>
      <c r="AG318" s="108"/>
    </row>
    <row r="319" spans="1:33" s="1" customFormat="1" ht="20.100000000000001" customHeight="1">
      <c r="A319" s="321"/>
      <c r="B319" s="162"/>
      <c r="C319" s="91"/>
      <c r="D319" s="88" t="s">
        <v>121</v>
      </c>
      <c r="E319" s="163"/>
      <c r="F319" s="163"/>
      <c r="G319" s="163"/>
      <c r="H319" s="163"/>
      <c r="I319" s="163"/>
      <c r="J319" s="163"/>
      <c r="K319" s="163"/>
      <c r="L319" s="163"/>
      <c r="M319" s="163"/>
      <c r="N319" s="162" t="s">
        <v>173</v>
      </c>
      <c r="O319" s="91"/>
      <c r="P319" s="114">
        <v>27780</v>
      </c>
      <c r="Q319" s="115"/>
      <c r="R319" s="115"/>
      <c r="S319" s="115"/>
      <c r="T319" s="115"/>
      <c r="U319" s="115"/>
      <c r="V319" s="141">
        <v>27112</v>
      </c>
      <c r="W319" s="141"/>
      <c r="X319" s="141"/>
      <c r="Y319" s="141"/>
      <c r="Z319" s="141"/>
      <c r="AA319" s="141"/>
      <c r="AB319" s="107">
        <v>27755</v>
      </c>
      <c r="AC319" s="107"/>
      <c r="AD319" s="107"/>
      <c r="AE319" s="107"/>
      <c r="AF319" s="107"/>
      <c r="AG319" s="108"/>
    </row>
    <row r="320" spans="1:33" s="1" customFormat="1" ht="20.100000000000001" customHeight="1">
      <c r="A320" s="321"/>
      <c r="B320" s="162"/>
      <c r="C320" s="91"/>
      <c r="D320" s="88" t="s">
        <v>122</v>
      </c>
      <c r="E320" s="163"/>
      <c r="F320" s="163"/>
      <c r="G320" s="163"/>
      <c r="H320" s="163"/>
      <c r="I320" s="163"/>
      <c r="J320" s="163"/>
      <c r="K320" s="163"/>
      <c r="L320" s="163"/>
      <c r="M320" s="163"/>
      <c r="N320" s="162" t="s">
        <v>100</v>
      </c>
      <c r="O320" s="91"/>
      <c r="P320" s="114">
        <v>15033</v>
      </c>
      <c r="Q320" s="115"/>
      <c r="R320" s="115"/>
      <c r="S320" s="115"/>
      <c r="T320" s="115"/>
      <c r="U320" s="115"/>
      <c r="V320" s="141">
        <v>15978</v>
      </c>
      <c r="W320" s="141"/>
      <c r="X320" s="141"/>
      <c r="Y320" s="141"/>
      <c r="Z320" s="141"/>
      <c r="AA320" s="141"/>
      <c r="AB320" s="107">
        <v>17096</v>
      </c>
      <c r="AC320" s="107"/>
      <c r="AD320" s="107"/>
      <c r="AE320" s="107"/>
      <c r="AF320" s="107"/>
      <c r="AG320" s="108"/>
    </row>
    <row r="321" spans="1:33" s="1" customFormat="1" ht="20.100000000000001" customHeight="1">
      <c r="A321" s="321"/>
      <c r="B321" s="162"/>
      <c r="C321" s="91"/>
      <c r="D321" s="88" t="s">
        <v>123</v>
      </c>
      <c r="E321" s="163"/>
      <c r="F321" s="163"/>
      <c r="G321" s="163"/>
      <c r="H321" s="163"/>
      <c r="I321" s="163"/>
      <c r="J321" s="163"/>
      <c r="K321" s="163"/>
      <c r="L321" s="163"/>
      <c r="M321" s="163"/>
      <c r="N321" s="162" t="s">
        <v>174</v>
      </c>
      <c r="O321" s="91"/>
      <c r="P321" s="114">
        <v>14510</v>
      </c>
      <c r="Q321" s="115"/>
      <c r="R321" s="115"/>
      <c r="S321" s="115"/>
      <c r="T321" s="115"/>
      <c r="U321" s="115"/>
      <c r="V321" s="141">
        <v>15456</v>
      </c>
      <c r="W321" s="141"/>
      <c r="X321" s="141"/>
      <c r="Y321" s="141"/>
      <c r="Z321" s="141"/>
      <c r="AA321" s="141"/>
      <c r="AB321" s="107">
        <v>14172</v>
      </c>
      <c r="AC321" s="107"/>
      <c r="AD321" s="107"/>
      <c r="AE321" s="107"/>
      <c r="AF321" s="107"/>
      <c r="AG321" s="108"/>
    </row>
    <row r="322" spans="1:33" s="1" customFormat="1" ht="20.100000000000001" customHeight="1">
      <c r="A322" s="323"/>
      <c r="B322" s="136"/>
      <c r="C322" s="137"/>
      <c r="D322" s="143" t="s">
        <v>124</v>
      </c>
      <c r="E322" s="144"/>
      <c r="F322" s="144"/>
      <c r="G322" s="144"/>
      <c r="H322" s="144"/>
      <c r="I322" s="144"/>
      <c r="J322" s="144"/>
      <c r="K322" s="144"/>
      <c r="L322" s="144"/>
      <c r="M322" s="144"/>
      <c r="N322" s="136" t="s">
        <v>174</v>
      </c>
      <c r="O322" s="137"/>
      <c r="P322" s="114">
        <v>557</v>
      </c>
      <c r="Q322" s="115"/>
      <c r="R322" s="115"/>
      <c r="S322" s="115"/>
      <c r="T322" s="115"/>
      <c r="U322" s="115"/>
      <c r="V322" s="141">
        <v>1423</v>
      </c>
      <c r="W322" s="141"/>
      <c r="X322" s="141"/>
      <c r="Y322" s="141"/>
      <c r="Z322" s="141"/>
      <c r="AA322" s="141"/>
      <c r="AB322" s="107">
        <v>1152</v>
      </c>
      <c r="AC322" s="107"/>
      <c r="AD322" s="107"/>
      <c r="AE322" s="107"/>
      <c r="AF322" s="107"/>
      <c r="AG322" s="108"/>
    </row>
    <row r="323" spans="1:33" s="1" customFormat="1" ht="20.100000000000001" customHeight="1">
      <c r="A323" s="319" t="s">
        <v>175</v>
      </c>
      <c r="B323" s="109"/>
      <c r="C323" s="110"/>
      <c r="D323" s="111" t="s">
        <v>125</v>
      </c>
      <c r="E323" s="112"/>
      <c r="F323" s="112"/>
      <c r="G323" s="112"/>
      <c r="H323" s="112"/>
      <c r="I323" s="112"/>
      <c r="J323" s="112"/>
      <c r="K323" s="112"/>
      <c r="L323" s="112"/>
      <c r="M323" s="112"/>
      <c r="N323" s="109" t="s">
        <v>1</v>
      </c>
      <c r="O323" s="110"/>
      <c r="P323" s="114">
        <v>214</v>
      </c>
      <c r="Q323" s="115"/>
      <c r="R323" s="115"/>
      <c r="S323" s="115"/>
      <c r="T323" s="115"/>
      <c r="U323" s="115"/>
      <c r="V323" s="141">
        <v>215</v>
      </c>
      <c r="W323" s="141"/>
      <c r="X323" s="141"/>
      <c r="Y323" s="141"/>
      <c r="Z323" s="141"/>
      <c r="AA323" s="141"/>
      <c r="AB323" s="107">
        <v>211</v>
      </c>
      <c r="AC323" s="107"/>
      <c r="AD323" s="107"/>
      <c r="AE323" s="107"/>
      <c r="AF323" s="107"/>
      <c r="AG323" s="108"/>
    </row>
    <row r="324" spans="1:33" s="1" customFormat="1" ht="20.100000000000001" customHeight="1">
      <c r="A324" s="321"/>
      <c r="B324" s="90"/>
      <c r="C324" s="91"/>
      <c r="D324" s="88" t="s">
        <v>126</v>
      </c>
      <c r="E324" s="89"/>
      <c r="F324" s="89"/>
      <c r="G324" s="89"/>
      <c r="H324" s="89"/>
      <c r="I324" s="89"/>
      <c r="J324" s="89"/>
      <c r="K324" s="89"/>
      <c r="L324" s="89"/>
      <c r="M324" s="89"/>
      <c r="N324" s="90" t="s">
        <v>1</v>
      </c>
      <c r="O324" s="91"/>
      <c r="P324" s="114">
        <v>122</v>
      </c>
      <c r="Q324" s="115"/>
      <c r="R324" s="115"/>
      <c r="S324" s="115"/>
      <c r="T324" s="115"/>
      <c r="U324" s="115"/>
      <c r="V324" s="141">
        <v>108</v>
      </c>
      <c r="W324" s="141"/>
      <c r="X324" s="141"/>
      <c r="Y324" s="141"/>
      <c r="Z324" s="141"/>
      <c r="AA324" s="141"/>
      <c r="AB324" s="107">
        <v>121</v>
      </c>
      <c r="AC324" s="107"/>
      <c r="AD324" s="107"/>
      <c r="AE324" s="107"/>
      <c r="AF324" s="107"/>
      <c r="AG324" s="108"/>
    </row>
    <row r="325" spans="1:33" s="1" customFormat="1" ht="20.100000000000001" customHeight="1">
      <c r="A325" s="321"/>
      <c r="B325" s="90"/>
      <c r="C325" s="91"/>
      <c r="D325" s="88" t="s">
        <v>127</v>
      </c>
      <c r="E325" s="89"/>
      <c r="F325" s="89"/>
      <c r="G325" s="89"/>
      <c r="H325" s="89"/>
      <c r="I325" s="89"/>
      <c r="J325" s="89"/>
      <c r="K325" s="89"/>
      <c r="L325" s="89"/>
      <c r="M325" s="89"/>
      <c r="N325" s="90" t="s">
        <v>1</v>
      </c>
      <c r="O325" s="91"/>
      <c r="P325" s="114">
        <v>1</v>
      </c>
      <c r="Q325" s="115"/>
      <c r="R325" s="115"/>
      <c r="S325" s="115"/>
      <c r="T325" s="115"/>
      <c r="U325" s="115"/>
      <c r="V325" s="258" t="s">
        <v>162</v>
      </c>
      <c r="W325" s="258"/>
      <c r="X325" s="258"/>
      <c r="Y325" s="258"/>
      <c r="Z325" s="258"/>
      <c r="AA325" s="258"/>
      <c r="AB325" s="255" t="s">
        <v>162</v>
      </c>
      <c r="AC325" s="255"/>
      <c r="AD325" s="255"/>
      <c r="AE325" s="255"/>
      <c r="AF325" s="255"/>
      <c r="AG325" s="256"/>
    </row>
    <row r="326" spans="1:33" s="1" customFormat="1" ht="20.100000000000001" customHeight="1">
      <c r="A326" s="323"/>
      <c r="B326" s="136"/>
      <c r="C326" s="137"/>
      <c r="D326" s="88" t="s">
        <v>341</v>
      </c>
      <c r="E326" s="89"/>
      <c r="F326" s="89"/>
      <c r="G326" s="89"/>
      <c r="H326" s="89"/>
      <c r="I326" s="89"/>
      <c r="J326" s="89"/>
      <c r="K326" s="89"/>
      <c r="L326" s="89"/>
      <c r="M326" s="89"/>
      <c r="N326" s="90" t="s">
        <v>1</v>
      </c>
      <c r="O326" s="91"/>
      <c r="P326" s="114">
        <v>10</v>
      </c>
      <c r="Q326" s="115"/>
      <c r="R326" s="115"/>
      <c r="S326" s="115"/>
      <c r="T326" s="115"/>
      <c r="U326" s="115"/>
      <c r="V326" s="324">
        <v>10</v>
      </c>
      <c r="W326" s="324"/>
      <c r="X326" s="324"/>
      <c r="Y326" s="324"/>
      <c r="Z326" s="324"/>
      <c r="AA326" s="324"/>
      <c r="AB326" s="170">
        <v>10</v>
      </c>
      <c r="AC326" s="170"/>
      <c r="AD326" s="170"/>
      <c r="AE326" s="170"/>
      <c r="AF326" s="170"/>
      <c r="AG326" s="171"/>
    </row>
    <row r="327" spans="1:33" s="1" customFormat="1" ht="20.100000000000001" customHeight="1">
      <c r="A327" s="319" t="s">
        <v>58</v>
      </c>
      <c r="B327" s="109"/>
      <c r="C327" s="110"/>
      <c r="D327" s="111" t="s">
        <v>128</v>
      </c>
      <c r="E327" s="112"/>
      <c r="F327" s="112"/>
      <c r="G327" s="112"/>
      <c r="H327" s="112"/>
      <c r="I327" s="112"/>
      <c r="J327" s="112"/>
      <c r="K327" s="112"/>
      <c r="L327" s="112"/>
      <c r="M327" s="112"/>
      <c r="N327" s="109" t="s">
        <v>100</v>
      </c>
      <c r="O327" s="110"/>
      <c r="P327" s="114">
        <v>8908</v>
      </c>
      <c r="Q327" s="115"/>
      <c r="R327" s="115"/>
      <c r="S327" s="115"/>
      <c r="T327" s="115"/>
      <c r="U327" s="115"/>
      <c r="V327" s="141">
        <v>9967</v>
      </c>
      <c r="W327" s="141"/>
      <c r="X327" s="141"/>
      <c r="Y327" s="141"/>
      <c r="Z327" s="141"/>
      <c r="AA327" s="141"/>
      <c r="AB327" s="107">
        <v>11169</v>
      </c>
      <c r="AC327" s="107"/>
      <c r="AD327" s="107"/>
      <c r="AE327" s="107"/>
      <c r="AF327" s="107"/>
      <c r="AG327" s="108"/>
    </row>
    <row r="328" spans="1:33" s="1" customFormat="1" ht="20.100000000000001" customHeight="1">
      <c r="A328" s="321"/>
      <c r="B328" s="162"/>
      <c r="C328" s="91"/>
      <c r="D328" s="168" t="s">
        <v>265</v>
      </c>
      <c r="E328" s="169"/>
      <c r="F328" s="169"/>
      <c r="G328" s="169"/>
      <c r="H328" s="169"/>
      <c r="I328" s="169"/>
      <c r="J328" s="169"/>
      <c r="K328" s="169"/>
      <c r="L328" s="169"/>
      <c r="M328" s="169"/>
      <c r="N328" s="162" t="s">
        <v>273</v>
      </c>
      <c r="O328" s="91"/>
      <c r="P328" s="160">
        <v>5117</v>
      </c>
      <c r="Q328" s="151"/>
      <c r="R328" s="151"/>
      <c r="S328" s="151"/>
      <c r="T328" s="151"/>
      <c r="U328" s="151"/>
      <c r="V328" s="131">
        <v>4663</v>
      </c>
      <c r="W328" s="131"/>
      <c r="X328" s="131"/>
      <c r="Y328" s="131"/>
      <c r="Z328" s="131"/>
      <c r="AA328" s="131"/>
      <c r="AB328" s="170">
        <v>4870</v>
      </c>
      <c r="AC328" s="170"/>
      <c r="AD328" s="170"/>
      <c r="AE328" s="170"/>
      <c r="AF328" s="170"/>
      <c r="AG328" s="171"/>
    </row>
    <row r="329" spans="1:33" s="1" customFormat="1" ht="20.100000000000001" customHeight="1">
      <c r="A329" s="321"/>
      <c r="B329" s="162"/>
      <c r="C329" s="91"/>
      <c r="D329" s="168" t="s">
        <v>129</v>
      </c>
      <c r="E329" s="169"/>
      <c r="F329" s="169"/>
      <c r="G329" s="169"/>
      <c r="H329" s="169"/>
      <c r="I329" s="169"/>
      <c r="J329" s="169"/>
      <c r="K329" s="169"/>
      <c r="L329" s="169"/>
      <c r="M329" s="169"/>
      <c r="N329" s="162" t="s">
        <v>1</v>
      </c>
      <c r="O329" s="91"/>
      <c r="P329" s="114">
        <v>32</v>
      </c>
      <c r="Q329" s="115"/>
      <c r="R329" s="115"/>
      <c r="S329" s="115"/>
      <c r="T329" s="115"/>
      <c r="U329" s="115"/>
      <c r="V329" s="141">
        <v>35</v>
      </c>
      <c r="W329" s="141"/>
      <c r="X329" s="141"/>
      <c r="Y329" s="141"/>
      <c r="Z329" s="141"/>
      <c r="AA329" s="141"/>
      <c r="AB329" s="107">
        <v>34</v>
      </c>
      <c r="AC329" s="107"/>
      <c r="AD329" s="107"/>
      <c r="AE329" s="107"/>
      <c r="AF329" s="107"/>
      <c r="AG329" s="108"/>
    </row>
    <row r="330" spans="1:33" s="1" customFormat="1" ht="20.100000000000001" customHeight="1">
      <c r="A330" s="321"/>
      <c r="B330" s="162"/>
      <c r="C330" s="91"/>
      <c r="D330" s="88" t="s">
        <v>266</v>
      </c>
      <c r="E330" s="163"/>
      <c r="F330" s="163"/>
      <c r="G330" s="163"/>
      <c r="H330" s="163"/>
      <c r="I330" s="163"/>
      <c r="J330" s="163"/>
      <c r="K330" s="163"/>
      <c r="L330" s="163"/>
      <c r="M330" s="163"/>
      <c r="N330" s="162" t="s">
        <v>1</v>
      </c>
      <c r="O330" s="91"/>
      <c r="P330" s="114">
        <v>131</v>
      </c>
      <c r="Q330" s="115"/>
      <c r="R330" s="115"/>
      <c r="S330" s="115"/>
      <c r="T330" s="115"/>
      <c r="U330" s="115"/>
      <c r="V330" s="141">
        <v>118</v>
      </c>
      <c r="W330" s="141"/>
      <c r="X330" s="141"/>
      <c r="Y330" s="141"/>
      <c r="Z330" s="141"/>
      <c r="AA330" s="141"/>
      <c r="AB330" s="107">
        <v>88</v>
      </c>
      <c r="AC330" s="107"/>
      <c r="AD330" s="107"/>
      <c r="AE330" s="107"/>
      <c r="AF330" s="107"/>
      <c r="AG330" s="108"/>
    </row>
    <row r="331" spans="1:33" s="1" customFormat="1" ht="20.100000000000001" customHeight="1">
      <c r="A331" s="321"/>
      <c r="B331" s="162"/>
      <c r="C331" s="91"/>
      <c r="D331" s="88" t="s">
        <v>130</v>
      </c>
      <c r="E331" s="163"/>
      <c r="F331" s="163"/>
      <c r="G331" s="163"/>
      <c r="H331" s="163"/>
      <c r="I331" s="163"/>
      <c r="J331" s="163"/>
      <c r="K331" s="163"/>
      <c r="L331" s="163"/>
      <c r="M331" s="163"/>
      <c r="N331" s="162" t="s">
        <v>1</v>
      </c>
      <c r="O331" s="91"/>
      <c r="P331" s="114">
        <v>94</v>
      </c>
      <c r="Q331" s="115"/>
      <c r="R331" s="115"/>
      <c r="S331" s="115"/>
      <c r="T331" s="115"/>
      <c r="U331" s="115"/>
      <c r="V331" s="141">
        <v>85</v>
      </c>
      <c r="W331" s="141"/>
      <c r="X331" s="141"/>
      <c r="Y331" s="141"/>
      <c r="Z331" s="141"/>
      <c r="AA331" s="141"/>
      <c r="AB331" s="107">
        <v>99</v>
      </c>
      <c r="AC331" s="107"/>
      <c r="AD331" s="107"/>
      <c r="AE331" s="107"/>
      <c r="AF331" s="107"/>
      <c r="AG331" s="108"/>
    </row>
    <row r="332" spans="1:33" s="1" customFormat="1" ht="20.100000000000001" customHeight="1">
      <c r="A332" s="321"/>
      <c r="B332" s="162"/>
      <c r="C332" s="91"/>
      <c r="D332" s="88" t="s">
        <v>131</v>
      </c>
      <c r="E332" s="163"/>
      <c r="F332" s="163"/>
      <c r="G332" s="163"/>
      <c r="H332" s="163"/>
      <c r="I332" s="163"/>
      <c r="J332" s="163"/>
      <c r="K332" s="163"/>
      <c r="L332" s="163"/>
      <c r="M332" s="163"/>
      <c r="N332" s="162" t="s">
        <v>100</v>
      </c>
      <c r="O332" s="91"/>
      <c r="P332" s="114">
        <v>20409</v>
      </c>
      <c r="Q332" s="115"/>
      <c r="R332" s="115"/>
      <c r="S332" s="115"/>
      <c r="T332" s="115"/>
      <c r="U332" s="115"/>
      <c r="V332" s="141">
        <v>21189</v>
      </c>
      <c r="W332" s="141"/>
      <c r="X332" s="141"/>
      <c r="Y332" s="141"/>
      <c r="Z332" s="141"/>
      <c r="AA332" s="141"/>
      <c r="AB332" s="107">
        <v>22559</v>
      </c>
      <c r="AC332" s="107"/>
      <c r="AD332" s="107"/>
      <c r="AE332" s="107"/>
      <c r="AF332" s="107"/>
      <c r="AG332" s="108"/>
    </row>
    <row r="333" spans="1:33" s="1" customFormat="1" ht="20.100000000000001" customHeight="1">
      <c r="A333" s="321"/>
      <c r="B333" s="162"/>
      <c r="C333" s="91"/>
      <c r="D333" s="88" t="s">
        <v>132</v>
      </c>
      <c r="E333" s="163"/>
      <c r="F333" s="163"/>
      <c r="G333" s="163"/>
      <c r="H333" s="163"/>
      <c r="I333" s="163"/>
      <c r="J333" s="163"/>
      <c r="K333" s="163"/>
      <c r="L333" s="163"/>
      <c r="M333" s="163"/>
      <c r="N333" s="162" t="s">
        <v>289</v>
      </c>
      <c r="O333" s="91"/>
      <c r="P333" s="114">
        <v>290</v>
      </c>
      <c r="Q333" s="115"/>
      <c r="R333" s="115"/>
      <c r="S333" s="115"/>
      <c r="T333" s="115"/>
      <c r="U333" s="115"/>
      <c r="V333" s="141">
        <v>331</v>
      </c>
      <c r="W333" s="141"/>
      <c r="X333" s="141"/>
      <c r="Y333" s="141"/>
      <c r="Z333" s="141"/>
      <c r="AA333" s="141"/>
      <c r="AB333" s="107">
        <v>335</v>
      </c>
      <c r="AC333" s="107"/>
      <c r="AD333" s="107"/>
      <c r="AE333" s="107"/>
      <c r="AF333" s="107"/>
      <c r="AG333" s="108"/>
    </row>
    <row r="334" spans="1:33" s="1" customFormat="1" ht="20.100000000000001" customHeight="1">
      <c r="A334" s="320"/>
      <c r="B334" s="149"/>
      <c r="C334" s="150"/>
      <c r="D334" s="304" t="s">
        <v>133</v>
      </c>
      <c r="E334" s="305"/>
      <c r="F334" s="305"/>
      <c r="G334" s="305"/>
      <c r="H334" s="305"/>
      <c r="I334" s="305"/>
      <c r="J334" s="305"/>
      <c r="K334" s="305"/>
      <c r="L334" s="305"/>
      <c r="M334" s="305"/>
      <c r="N334" s="149" t="s">
        <v>289</v>
      </c>
      <c r="O334" s="150"/>
      <c r="P334" s="312">
        <v>325</v>
      </c>
      <c r="Q334" s="313"/>
      <c r="R334" s="313"/>
      <c r="S334" s="313"/>
      <c r="T334" s="313"/>
      <c r="U334" s="313"/>
      <c r="V334" s="307">
        <v>309</v>
      </c>
      <c r="W334" s="307"/>
      <c r="X334" s="307"/>
      <c r="Y334" s="307"/>
      <c r="Z334" s="307"/>
      <c r="AA334" s="307"/>
      <c r="AB334" s="308">
        <v>351</v>
      </c>
      <c r="AC334" s="308"/>
      <c r="AD334" s="308"/>
      <c r="AE334" s="308"/>
      <c r="AF334" s="308"/>
      <c r="AG334" s="309"/>
    </row>
    <row r="335" spans="1:33" s="1" customFormat="1" ht="12.95" customHeight="1">
      <c r="AB335" s="3"/>
      <c r="AC335" s="3"/>
      <c r="AD335" s="3"/>
      <c r="AE335" s="3"/>
      <c r="AF335" s="3"/>
      <c r="AG335" s="3" t="s">
        <v>331</v>
      </c>
    </row>
    <row r="336" spans="1:33" s="1" customFormat="1" ht="13.5" customHeight="1">
      <c r="AB336" s="3"/>
      <c r="AC336" s="3"/>
      <c r="AD336" s="3"/>
      <c r="AE336" s="3"/>
      <c r="AF336" s="3"/>
      <c r="AG336" s="3"/>
    </row>
    <row r="337" spans="1:33" s="5" customFormat="1" ht="20.100000000000001" customHeight="1">
      <c r="A337" s="18" t="s">
        <v>333</v>
      </c>
    </row>
    <row r="338" spans="1:33" s="1" customFormat="1" ht="14.1" customHeight="1">
      <c r="A338" s="189" t="s">
        <v>31</v>
      </c>
      <c r="B338" s="190"/>
      <c r="C338" s="190"/>
      <c r="D338" s="190"/>
      <c r="E338" s="190"/>
      <c r="F338" s="190"/>
      <c r="G338" s="190"/>
      <c r="H338" s="190"/>
      <c r="I338" s="190"/>
      <c r="J338" s="190"/>
      <c r="K338" s="190"/>
      <c r="L338" s="190"/>
      <c r="M338" s="190"/>
      <c r="N338" s="190"/>
      <c r="O338" s="191"/>
      <c r="P338" s="192">
        <v>4</v>
      </c>
      <c r="Q338" s="193"/>
      <c r="R338" s="193"/>
      <c r="S338" s="193"/>
      <c r="T338" s="193"/>
      <c r="U338" s="194"/>
      <c r="V338" s="192">
        <v>5</v>
      </c>
      <c r="W338" s="193"/>
      <c r="X338" s="193"/>
      <c r="Y338" s="193"/>
      <c r="Z338" s="193"/>
      <c r="AA338" s="194"/>
      <c r="AB338" s="277">
        <v>6</v>
      </c>
      <c r="AC338" s="198"/>
      <c r="AD338" s="198"/>
      <c r="AE338" s="198"/>
      <c r="AF338" s="198"/>
      <c r="AG338" s="199"/>
    </row>
    <row r="339" spans="1:33" s="1" customFormat="1" ht="14.1" customHeight="1">
      <c r="A339" s="138" t="s">
        <v>32</v>
      </c>
      <c r="B339" s="139"/>
      <c r="C339" s="139"/>
      <c r="D339" s="139"/>
      <c r="E339" s="139"/>
      <c r="F339" s="139"/>
      <c r="G339" s="139"/>
      <c r="H339" s="139"/>
      <c r="I339" s="139"/>
      <c r="J339" s="139"/>
      <c r="K339" s="139"/>
      <c r="L339" s="139"/>
      <c r="M339" s="139"/>
      <c r="N339" s="139"/>
      <c r="O339" s="140"/>
      <c r="P339" s="195"/>
      <c r="Q339" s="196"/>
      <c r="R339" s="196"/>
      <c r="S339" s="196"/>
      <c r="T339" s="196"/>
      <c r="U339" s="197"/>
      <c r="V339" s="195"/>
      <c r="W339" s="196"/>
      <c r="X339" s="196"/>
      <c r="Y339" s="196"/>
      <c r="Z339" s="196"/>
      <c r="AA339" s="197"/>
      <c r="AB339" s="278"/>
      <c r="AC339" s="200"/>
      <c r="AD339" s="200"/>
      <c r="AE339" s="200"/>
      <c r="AF339" s="200"/>
      <c r="AG339" s="201"/>
    </row>
    <row r="340" spans="1:33" s="1" customFormat="1" ht="15.95" customHeight="1">
      <c r="A340" s="154" t="s">
        <v>142</v>
      </c>
      <c r="B340" s="155"/>
      <c r="C340" s="155"/>
      <c r="D340" s="155"/>
      <c r="E340" s="156"/>
      <c r="F340" s="302" t="s">
        <v>143</v>
      </c>
      <c r="G340" s="303"/>
      <c r="H340" s="303"/>
      <c r="I340" s="303"/>
      <c r="J340" s="303"/>
      <c r="K340" s="303"/>
      <c r="L340" s="303"/>
      <c r="M340" s="303"/>
      <c r="N340" s="303"/>
      <c r="O340" s="322"/>
      <c r="P340" s="152">
        <v>298</v>
      </c>
      <c r="Q340" s="153"/>
      <c r="R340" s="153"/>
      <c r="S340" s="153"/>
      <c r="T340" s="153"/>
      <c r="U340" s="153"/>
      <c r="V340" s="272">
        <v>229</v>
      </c>
      <c r="W340" s="272"/>
      <c r="X340" s="272"/>
      <c r="Y340" s="272"/>
      <c r="Z340" s="272"/>
      <c r="AA340" s="272"/>
      <c r="AB340" s="279">
        <v>226</v>
      </c>
      <c r="AC340" s="279"/>
      <c r="AD340" s="279"/>
      <c r="AE340" s="279"/>
      <c r="AF340" s="279"/>
      <c r="AG340" s="280"/>
    </row>
    <row r="341" spans="1:33" s="1" customFormat="1" ht="15.95" customHeight="1">
      <c r="A341" s="157"/>
      <c r="B341" s="158"/>
      <c r="C341" s="158"/>
      <c r="D341" s="158"/>
      <c r="E341" s="159"/>
      <c r="F341" s="111" t="s">
        <v>104</v>
      </c>
      <c r="G341" s="112"/>
      <c r="H341" s="112"/>
      <c r="I341" s="112"/>
      <c r="J341" s="112"/>
      <c r="K341" s="142"/>
      <c r="L341" s="146" t="s">
        <v>267</v>
      </c>
      <c r="M341" s="147"/>
      <c r="N341" s="147"/>
      <c r="O341" s="148"/>
      <c r="P341" s="276">
        <v>6868</v>
      </c>
      <c r="Q341" s="262"/>
      <c r="R341" s="262"/>
      <c r="S341" s="262"/>
      <c r="T341" s="262"/>
      <c r="U341" s="262"/>
      <c r="V341" s="151">
        <v>5787</v>
      </c>
      <c r="W341" s="151"/>
      <c r="X341" s="151"/>
      <c r="Y341" s="151"/>
      <c r="Z341" s="151"/>
      <c r="AA341" s="151"/>
      <c r="AB341" s="310">
        <v>5247</v>
      </c>
      <c r="AC341" s="310"/>
      <c r="AD341" s="310"/>
      <c r="AE341" s="310"/>
      <c r="AF341" s="310"/>
      <c r="AG341" s="311"/>
    </row>
    <row r="342" spans="1:33" s="1" customFormat="1" ht="15.95" customHeight="1">
      <c r="A342" s="157"/>
      <c r="B342" s="158"/>
      <c r="C342" s="158"/>
      <c r="D342" s="158"/>
      <c r="E342" s="159"/>
      <c r="F342" s="143"/>
      <c r="G342" s="144"/>
      <c r="H342" s="144"/>
      <c r="I342" s="144"/>
      <c r="J342" s="144"/>
      <c r="K342" s="145"/>
      <c r="L342" s="263" t="s">
        <v>268</v>
      </c>
      <c r="M342" s="264"/>
      <c r="N342" s="264"/>
      <c r="O342" s="265"/>
      <c r="P342" s="276">
        <v>11825</v>
      </c>
      <c r="Q342" s="262"/>
      <c r="R342" s="262"/>
      <c r="S342" s="262"/>
      <c r="T342" s="262"/>
      <c r="U342" s="262"/>
      <c r="V342" s="151">
        <v>10981</v>
      </c>
      <c r="W342" s="151"/>
      <c r="X342" s="151"/>
      <c r="Y342" s="151"/>
      <c r="Z342" s="151"/>
      <c r="AA342" s="151"/>
      <c r="AB342" s="310">
        <v>9643</v>
      </c>
      <c r="AC342" s="310"/>
      <c r="AD342" s="310"/>
      <c r="AE342" s="310"/>
      <c r="AF342" s="310"/>
      <c r="AG342" s="311"/>
    </row>
    <row r="343" spans="1:33" s="1" customFormat="1" ht="15.95" customHeight="1">
      <c r="A343" s="157"/>
      <c r="B343" s="158"/>
      <c r="C343" s="158"/>
      <c r="D343" s="158"/>
      <c r="E343" s="159"/>
      <c r="F343" s="314" t="s">
        <v>269</v>
      </c>
      <c r="G343" s="155"/>
      <c r="H343" s="156"/>
      <c r="I343" s="615" t="s">
        <v>270</v>
      </c>
      <c r="J343" s="109"/>
      <c r="K343" s="110"/>
      <c r="L343" s="146" t="s">
        <v>267</v>
      </c>
      <c r="M343" s="147"/>
      <c r="N343" s="147"/>
      <c r="O343" s="148"/>
      <c r="P343" s="160">
        <v>45</v>
      </c>
      <c r="Q343" s="151"/>
      <c r="R343" s="151"/>
      <c r="S343" s="151"/>
      <c r="T343" s="151"/>
      <c r="U343" s="151"/>
      <c r="V343" s="131">
        <v>72</v>
      </c>
      <c r="W343" s="131"/>
      <c r="X343" s="131"/>
      <c r="Y343" s="131"/>
      <c r="Z343" s="131"/>
      <c r="AA343" s="131"/>
      <c r="AB343" s="170">
        <v>47</v>
      </c>
      <c r="AC343" s="170"/>
      <c r="AD343" s="170"/>
      <c r="AE343" s="170"/>
      <c r="AF343" s="170"/>
      <c r="AG343" s="171"/>
    </row>
    <row r="344" spans="1:33" s="1" customFormat="1" ht="15.95" customHeight="1">
      <c r="A344" s="157"/>
      <c r="B344" s="158"/>
      <c r="C344" s="158"/>
      <c r="D344" s="158"/>
      <c r="E344" s="159"/>
      <c r="F344" s="315"/>
      <c r="G344" s="158"/>
      <c r="H344" s="159"/>
      <c r="I344" s="135"/>
      <c r="J344" s="136"/>
      <c r="K344" s="137"/>
      <c r="L344" s="263" t="s">
        <v>268</v>
      </c>
      <c r="M344" s="264"/>
      <c r="N344" s="264"/>
      <c r="O344" s="265"/>
      <c r="P344" s="160">
        <v>590</v>
      </c>
      <c r="Q344" s="151"/>
      <c r="R344" s="151"/>
      <c r="S344" s="151"/>
      <c r="T344" s="151"/>
      <c r="U344" s="151"/>
      <c r="V344" s="131">
        <v>1111</v>
      </c>
      <c r="W344" s="131"/>
      <c r="X344" s="131"/>
      <c r="Y344" s="131"/>
      <c r="Z344" s="131"/>
      <c r="AA344" s="131"/>
      <c r="AB344" s="170">
        <v>719</v>
      </c>
      <c r="AC344" s="170"/>
      <c r="AD344" s="170"/>
      <c r="AE344" s="170"/>
      <c r="AF344" s="170"/>
      <c r="AG344" s="171"/>
    </row>
    <row r="345" spans="1:33" s="1" customFormat="1" ht="15.95" customHeight="1">
      <c r="A345" s="157"/>
      <c r="B345" s="158"/>
      <c r="C345" s="158"/>
      <c r="D345" s="158"/>
      <c r="E345" s="159"/>
      <c r="F345" s="315"/>
      <c r="G345" s="158"/>
      <c r="H345" s="159"/>
      <c r="I345" s="615" t="s">
        <v>63</v>
      </c>
      <c r="J345" s="109"/>
      <c r="K345" s="110"/>
      <c r="L345" s="146" t="s">
        <v>267</v>
      </c>
      <c r="M345" s="147"/>
      <c r="N345" s="147"/>
      <c r="O345" s="148"/>
      <c r="P345" s="160">
        <v>3394</v>
      </c>
      <c r="Q345" s="151"/>
      <c r="R345" s="151"/>
      <c r="S345" s="151"/>
      <c r="T345" s="151"/>
      <c r="U345" s="151"/>
      <c r="V345" s="131">
        <v>2770</v>
      </c>
      <c r="W345" s="131"/>
      <c r="X345" s="131"/>
      <c r="Y345" s="131"/>
      <c r="Z345" s="131"/>
      <c r="AA345" s="131"/>
      <c r="AB345" s="170">
        <v>2474</v>
      </c>
      <c r="AC345" s="170"/>
      <c r="AD345" s="170"/>
      <c r="AE345" s="170"/>
      <c r="AF345" s="170"/>
      <c r="AG345" s="171"/>
    </row>
    <row r="346" spans="1:33" s="1" customFormat="1" ht="15.95" customHeight="1">
      <c r="A346" s="157"/>
      <c r="B346" s="158"/>
      <c r="C346" s="158"/>
      <c r="D346" s="158"/>
      <c r="E346" s="159"/>
      <c r="F346" s="316"/>
      <c r="G346" s="317"/>
      <c r="H346" s="318"/>
      <c r="I346" s="135"/>
      <c r="J346" s="136"/>
      <c r="K346" s="137"/>
      <c r="L346" s="263" t="s">
        <v>268</v>
      </c>
      <c r="M346" s="264"/>
      <c r="N346" s="264"/>
      <c r="O346" s="265"/>
      <c r="P346" s="160">
        <v>5721</v>
      </c>
      <c r="Q346" s="151"/>
      <c r="R346" s="151"/>
      <c r="S346" s="151"/>
      <c r="T346" s="151"/>
      <c r="U346" s="151"/>
      <c r="V346" s="131">
        <v>4998</v>
      </c>
      <c r="W346" s="131"/>
      <c r="X346" s="131"/>
      <c r="Y346" s="131"/>
      <c r="Z346" s="131"/>
      <c r="AA346" s="131"/>
      <c r="AB346" s="170">
        <v>4593</v>
      </c>
      <c r="AC346" s="170"/>
      <c r="AD346" s="170"/>
      <c r="AE346" s="170"/>
      <c r="AF346" s="170"/>
      <c r="AG346" s="171"/>
    </row>
    <row r="347" spans="1:33" s="1" customFormat="1" ht="15.95" customHeight="1">
      <c r="A347" s="157"/>
      <c r="B347" s="158"/>
      <c r="C347" s="158"/>
      <c r="D347" s="158"/>
      <c r="E347" s="159"/>
      <c r="F347" s="111" t="s">
        <v>144</v>
      </c>
      <c r="G347" s="112"/>
      <c r="H347" s="112"/>
      <c r="I347" s="112"/>
      <c r="J347" s="112"/>
      <c r="K347" s="142"/>
      <c r="L347" s="146" t="s">
        <v>267</v>
      </c>
      <c r="M347" s="147"/>
      <c r="N347" s="147"/>
      <c r="O347" s="148"/>
      <c r="P347" s="160">
        <v>796</v>
      </c>
      <c r="Q347" s="151"/>
      <c r="R347" s="151"/>
      <c r="S347" s="151"/>
      <c r="T347" s="151"/>
      <c r="U347" s="151"/>
      <c r="V347" s="131">
        <v>687</v>
      </c>
      <c r="W347" s="131"/>
      <c r="X347" s="131"/>
      <c r="Y347" s="131"/>
      <c r="Z347" s="131"/>
      <c r="AA347" s="131"/>
      <c r="AB347" s="170">
        <v>633</v>
      </c>
      <c r="AC347" s="170"/>
      <c r="AD347" s="170"/>
      <c r="AE347" s="170"/>
      <c r="AF347" s="170"/>
      <c r="AG347" s="171"/>
    </row>
    <row r="348" spans="1:33" s="1" customFormat="1" ht="15.95" customHeight="1">
      <c r="A348" s="157"/>
      <c r="B348" s="158"/>
      <c r="C348" s="158"/>
      <c r="D348" s="158"/>
      <c r="E348" s="159"/>
      <c r="F348" s="143"/>
      <c r="G348" s="144"/>
      <c r="H348" s="144"/>
      <c r="I348" s="144"/>
      <c r="J348" s="144"/>
      <c r="K348" s="145"/>
      <c r="L348" s="263" t="s">
        <v>268</v>
      </c>
      <c r="M348" s="264"/>
      <c r="N348" s="264"/>
      <c r="O348" s="265"/>
      <c r="P348" s="160">
        <v>986</v>
      </c>
      <c r="Q348" s="151"/>
      <c r="R348" s="151"/>
      <c r="S348" s="151"/>
      <c r="T348" s="151"/>
      <c r="U348" s="151"/>
      <c r="V348" s="131">
        <v>930</v>
      </c>
      <c r="W348" s="131"/>
      <c r="X348" s="131"/>
      <c r="Y348" s="131"/>
      <c r="Z348" s="131"/>
      <c r="AA348" s="131"/>
      <c r="AB348" s="170">
        <v>930</v>
      </c>
      <c r="AC348" s="170"/>
      <c r="AD348" s="170"/>
      <c r="AE348" s="170"/>
      <c r="AF348" s="170"/>
      <c r="AG348" s="171"/>
    </row>
    <row r="349" spans="1:33" s="1" customFormat="1" ht="15.95" customHeight="1">
      <c r="A349" s="157"/>
      <c r="B349" s="158"/>
      <c r="C349" s="158"/>
      <c r="D349" s="158"/>
      <c r="E349" s="159"/>
      <c r="F349" s="111" t="s">
        <v>145</v>
      </c>
      <c r="G349" s="112"/>
      <c r="H349" s="112"/>
      <c r="I349" s="112"/>
      <c r="J349" s="112"/>
      <c r="K349" s="142"/>
      <c r="L349" s="146" t="s">
        <v>267</v>
      </c>
      <c r="M349" s="147"/>
      <c r="N349" s="147"/>
      <c r="O349" s="148"/>
      <c r="P349" s="160">
        <v>2162</v>
      </c>
      <c r="Q349" s="151"/>
      <c r="R349" s="151"/>
      <c r="S349" s="151"/>
      <c r="T349" s="151"/>
      <c r="U349" s="151"/>
      <c r="V349" s="131">
        <v>1812</v>
      </c>
      <c r="W349" s="131"/>
      <c r="X349" s="131"/>
      <c r="Y349" s="131"/>
      <c r="Z349" s="131"/>
      <c r="AA349" s="131"/>
      <c r="AB349" s="170">
        <v>1689</v>
      </c>
      <c r="AC349" s="170"/>
      <c r="AD349" s="170"/>
      <c r="AE349" s="170"/>
      <c r="AF349" s="170"/>
      <c r="AG349" s="171"/>
    </row>
    <row r="350" spans="1:33" s="1" customFormat="1" ht="15.95" customHeight="1">
      <c r="A350" s="157"/>
      <c r="B350" s="158"/>
      <c r="C350" s="158"/>
      <c r="D350" s="158"/>
      <c r="E350" s="159"/>
      <c r="F350" s="143"/>
      <c r="G350" s="144"/>
      <c r="H350" s="144"/>
      <c r="I350" s="144"/>
      <c r="J350" s="144"/>
      <c r="K350" s="145"/>
      <c r="L350" s="263" t="s">
        <v>268</v>
      </c>
      <c r="M350" s="264"/>
      <c r="N350" s="264"/>
      <c r="O350" s="265"/>
      <c r="P350" s="160">
        <v>2871</v>
      </c>
      <c r="Q350" s="151"/>
      <c r="R350" s="151"/>
      <c r="S350" s="151"/>
      <c r="T350" s="151"/>
      <c r="U350" s="151"/>
      <c r="V350" s="131">
        <v>2365</v>
      </c>
      <c r="W350" s="131"/>
      <c r="X350" s="131"/>
      <c r="Y350" s="131"/>
      <c r="Z350" s="131"/>
      <c r="AA350" s="131"/>
      <c r="AB350" s="170">
        <v>1727</v>
      </c>
      <c r="AC350" s="170"/>
      <c r="AD350" s="170"/>
      <c r="AE350" s="170"/>
      <c r="AF350" s="170"/>
      <c r="AG350" s="171"/>
    </row>
    <row r="351" spans="1:33" s="1" customFormat="1" ht="15.95" customHeight="1">
      <c r="A351" s="157"/>
      <c r="B351" s="158"/>
      <c r="C351" s="158"/>
      <c r="D351" s="158"/>
      <c r="E351" s="159"/>
      <c r="F351" s="111" t="s">
        <v>58</v>
      </c>
      <c r="G351" s="112"/>
      <c r="H351" s="112"/>
      <c r="I351" s="112"/>
      <c r="J351" s="112"/>
      <c r="K351" s="142"/>
      <c r="L351" s="146" t="s">
        <v>267</v>
      </c>
      <c r="M351" s="147"/>
      <c r="N351" s="147"/>
      <c r="O351" s="148"/>
      <c r="P351" s="160">
        <v>471</v>
      </c>
      <c r="Q351" s="151"/>
      <c r="R351" s="151"/>
      <c r="S351" s="151"/>
      <c r="T351" s="151"/>
      <c r="U351" s="151"/>
      <c r="V351" s="131">
        <v>446</v>
      </c>
      <c r="W351" s="131"/>
      <c r="X351" s="131"/>
      <c r="Y351" s="131"/>
      <c r="Z351" s="131"/>
      <c r="AA351" s="131"/>
      <c r="AB351" s="170">
        <v>404</v>
      </c>
      <c r="AC351" s="170"/>
      <c r="AD351" s="170"/>
      <c r="AE351" s="170"/>
      <c r="AF351" s="170"/>
      <c r="AG351" s="171"/>
    </row>
    <row r="352" spans="1:33" s="1" customFormat="1" ht="15.95" customHeight="1">
      <c r="A352" s="157"/>
      <c r="B352" s="158"/>
      <c r="C352" s="158"/>
      <c r="D352" s="158"/>
      <c r="E352" s="159"/>
      <c r="F352" s="143"/>
      <c r="G352" s="144"/>
      <c r="H352" s="144"/>
      <c r="I352" s="144"/>
      <c r="J352" s="144"/>
      <c r="K352" s="145"/>
      <c r="L352" s="263" t="s">
        <v>268</v>
      </c>
      <c r="M352" s="264"/>
      <c r="N352" s="264"/>
      <c r="O352" s="265"/>
      <c r="P352" s="160">
        <v>1657</v>
      </c>
      <c r="Q352" s="151"/>
      <c r="R352" s="151"/>
      <c r="S352" s="151"/>
      <c r="T352" s="151"/>
      <c r="U352" s="151"/>
      <c r="V352" s="131">
        <v>1577</v>
      </c>
      <c r="W352" s="131"/>
      <c r="X352" s="131"/>
      <c r="Y352" s="131"/>
      <c r="Z352" s="131"/>
      <c r="AA352" s="131"/>
      <c r="AB352" s="170">
        <v>1674</v>
      </c>
      <c r="AC352" s="170"/>
      <c r="AD352" s="170"/>
      <c r="AE352" s="170"/>
      <c r="AF352" s="170"/>
      <c r="AG352" s="171"/>
    </row>
    <row r="353" spans="1:33" s="1" customFormat="1" ht="15.95" customHeight="1">
      <c r="A353" s="154" t="s">
        <v>271</v>
      </c>
      <c r="B353" s="155"/>
      <c r="C353" s="155"/>
      <c r="D353" s="155"/>
      <c r="E353" s="156"/>
      <c r="F353" s="111" t="s">
        <v>143</v>
      </c>
      <c r="G353" s="112"/>
      <c r="H353" s="112"/>
      <c r="I353" s="112"/>
      <c r="J353" s="112"/>
      <c r="K353" s="112"/>
      <c r="L353" s="112"/>
      <c r="M353" s="112"/>
      <c r="N353" s="112"/>
      <c r="O353" s="142"/>
      <c r="P353" s="160">
        <v>779</v>
      </c>
      <c r="Q353" s="151"/>
      <c r="R353" s="151"/>
      <c r="S353" s="151"/>
      <c r="T353" s="151"/>
      <c r="U353" s="151"/>
      <c r="V353" s="131">
        <v>788</v>
      </c>
      <c r="W353" s="131"/>
      <c r="X353" s="131"/>
      <c r="Y353" s="131"/>
      <c r="Z353" s="131"/>
      <c r="AA353" s="131"/>
      <c r="AB353" s="170">
        <v>809</v>
      </c>
      <c r="AC353" s="170"/>
      <c r="AD353" s="170"/>
      <c r="AE353" s="170"/>
      <c r="AF353" s="170"/>
      <c r="AG353" s="171"/>
    </row>
    <row r="354" spans="1:33" s="1" customFormat="1" ht="15.95" customHeight="1">
      <c r="A354" s="614"/>
      <c r="B354" s="317"/>
      <c r="C354" s="317"/>
      <c r="D354" s="317"/>
      <c r="E354" s="318"/>
      <c r="F354" s="143" t="s">
        <v>146</v>
      </c>
      <c r="G354" s="144"/>
      <c r="H354" s="144"/>
      <c r="I354" s="144"/>
      <c r="J354" s="144"/>
      <c r="K354" s="144"/>
      <c r="L354" s="144"/>
      <c r="M354" s="144"/>
      <c r="N354" s="144"/>
      <c r="O354" s="145"/>
      <c r="P354" s="160">
        <v>126386</v>
      </c>
      <c r="Q354" s="151"/>
      <c r="R354" s="151"/>
      <c r="S354" s="151"/>
      <c r="T354" s="151"/>
      <c r="U354" s="151"/>
      <c r="V354" s="131">
        <v>132317</v>
      </c>
      <c r="W354" s="131"/>
      <c r="X354" s="131"/>
      <c r="Y354" s="131"/>
      <c r="Z354" s="131"/>
      <c r="AA354" s="131"/>
      <c r="AB354" s="170">
        <v>139593</v>
      </c>
      <c r="AC354" s="170"/>
      <c r="AD354" s="170"/>
      <c r="AE354" s="170"/>
      <c r="AF354" s="170"/>
      <c r="AG354" s="171"/>
    </row>
    <row r="355" spans="1:33" s="1" customFormat="1" ht="15.95" customHeight="1">
      <c r="A355" s="266" t="s">
        <v>338</v>
      </c>
      <c r="B355" s="267"/>
      <c r="C355" s="267"/>
      <c r="D355" s="267"/>
      <c r="E355" s="268"/>
      <c r="F355" s="111" t="s">
        <v>143</v>
      </c>
      <c r="G355" s="112"/>
      <c r="H355" s="112"/>
      <c r="I355" s="112"/>
      <c r="J355" s="112"/>
      <c r="K355" s="112"/>
      <c r="L355" s="112"/>
      <c r="M355" s="112"/>
      <c r="N355" s="112"/>
      <c r="O355" s="142"/>
      <c r="P355" s="160">
        <v>1257</v>
      </c>
      <c r="Q355" s="151"/>
      <c r="R355" s="151"/>
      <c r="S355" s="151"/>
      <c r="T355" s="151"/>
      <c r="U355" s="151"/>
      <c r="V355" s="131">
        <v>1343</v>
      </c>
      <c r="W355" s="131"/>
      <c r="X355" s="131"/>
      <c r="Y355" s="131"/>
      <c r="Z355" s="131"/>
      <c r="AA355" s="131"/>
      <c r="AB355" s="170">
        <v>1339</v>
      </c>
      <c r="AC355" s="170"/>
      <c r="AD355" s="170"/>
      <c r="AE355" s="170"/>
      <c r="AF355" s="170"/>
      <c r="AG355" s="171"/>
    </row>
    <row r="356" spans="1:33" s="1" customFormat="1" ht="15.95" customHeight="1">
      <c r="A356" s="269"/>
      <c r="B356" s="270"/>
      <c r="C356" s="270"/>
      <c r="D356" s="270"/>
      <c r="E356" s="271"/>
      <c r="F356" s="143" t="s">
        <v>146</v>
      </c>
      <c r="G356" s="144"/>
      <c r="H356" s="144"/>
      <c r="I356" s="144"/>
      <c r="J356" s="144"/>
      <c r="K356" s="144"/>
      <c r="L356" s="144"/>
      <c r="M356" s="144"/>
      <c r="N356" s="144"/>
      <c r="O356" s="145"/>
      <c r="P356" s="160">
        <v>44257</v>
      </c>
      <c r="Q356" s="151"/>
      <c r="R356" s="151"/>
      <c r="S356" s="151"/>
      <c r="T356" s="151"/>
      <c r="U356" s="151"/>
      <c r="V356" s="131">
        <v>50600</v>
      </c>
      <c r="W356" s="131"/>
      <c r="X356" s="131"/>
      <c r="Y356" s="131"/>
      <c r="Z356" s="131"/>
      <c r="AA356" s="131"/>
      <c r="AB356" s="170">
        <v>52779</v>
      </c>
      <c r="AC356" s="170"/>
      <c r="AD356" s="170"/>
      <c r="AE356" s="170"/>
      <c r="AF356" s="170"/>
      <c r="AG356" s="171"/>
    </row>
    <row r="357" spans="1:33" s="1" customFormat="1" ht="15.95" customHeight="1">
      <c r="A357" s="319" t="s">
        <v>272</v>
      </c>
      <c r="B357" s="109"/>
      <c r="C357" s="109"/>
      <c r="D357" s="109"/>
      <c r="E357" s="110"/>
      <c r="F357" s="111" t="s">
        <v>143</v>
      </c>
      <c r="G357" s="112"/>
      <c r="H357" s="112"/>
      <c r="I357" s="112"/>
      <c r="J357" s="112"/>
      <c r="K357" s="112"/>
      <c r="L357" s="112"/>
      <c r="M357" s="112"/>
      <c r="N357" s="112"/>
      <c r="O357" s="142"/>
      <c r="P357" s="276">
        <v>10777</v>
      </c>
      <c r="Q357" s="262"/>
      <c r="R357" s="262"/>
      <c r="S357" s="262"/>
      <c r="T357" s="262"/>
      <c r="U357" s="262"/>
      <c r="V357" s="262">
        <v>12697</v>
      </c>
      <c r="W357" s="262"/>
      <c r="X357" s="262"/>
      <c r="Y357" s="262"/>
      <c r="Z357" s="262"/>
      <c r="AA357" s="262"/>
      <c r="AB357" s="170">
        <v>12624</v>
      </c>
      <c r="AC357" s="170"/>
      <c r="AD357" s="170"/>
      <c r="AE357" s="170"/>
      <c r="AF357" s="170"/>
      <c r="AG357" s="171"/>
    </row>
    <row r="358" spans="1:33" s="1" customFormat="1" ht="15.95" customHeight="1">
      <c r="A358" s="320"/>
      <c r="B358" s="149"/>
      <c r="C358" s="149"/>
      <c r="D358" s="149"/>
      <c r="E358" s="150"/>
      <c r="F358" s="304" t="s">
        <v>146</v>
      </c>
      <c r="G358" s="305"/>
      <c r="H358" s="305"/>
      <c r="I358" s="305"/>
      <c r="J358" s="305"/>
      <c r="K358" s="305"/>
      <c r="L358" s="305"/>
      <c r="M358" s="305"/>
      <c r="N358" s="305"/>
      <c r="O358" s="306"/>
      <c r="P358" s="273">
        <v>279425</v>
      </c>
      <c r="Q358" s="257"/>
      <c r="R358" s="257"/>
      <c r="S358" s="257"/>
      <c r="T358" s="257"/>
      <c r="U358" s="257"/>
      <c r="V358" s="224">
        <v>359912</v>
      </c>
      <c r="W358" s="224"/>
      <c r="X358" s="224"/>
      <c r="Y358" s="224"/>
      <c r="Z358" s="224"/>
      <c r="AA358" s="224"/>
      <c r="AB358" s="122">
        <v>391459</v>
      </c>
      <c r="AC358" s="122"/>
      <c r="AD358" s="122"/>
      <c r="AE358" s="122"/>
      <c r="AF358" s="122"/>
      <c r="AG358" s="181"/>
    </row>
    <row r="359" spans="1:33" s="1" customFormat="1" ht="13.5" customHeight="1">
      <c r="A359" s="13"/>
      <c r="AB359" s="3"/>
      <c r="AC359" s="39"/>
      <c r="AD359" s="39"/>
      <c r="AE359" s="39"/>
      <c r="AF359" s="39"/>
      <c r="AG359" s="3" t="s">
        <v>280</v>
      </c>
    </row>
    <row r="360" spans="1:33" s="1" customFormat="1" ht="13.5" customHeight="1">
      <c r="A360" s="13"/>
      <c r="AB360" s="3"/>
      <c r="AC360" s="3"/>
      <c r="AD360" s="3"/>
      <c r="AE360" s="3"/>
      <c r="AF360" s="3"/>
      <c r="AG360" s="3"/>
    </row>
    <row r="361" spans="1:33" s="1" customFormat="1" ht="15.95" customHeight="1">
      <c r="AB361" s="3"/>
      <c r="AC361" s="3"/>
      <c r="AD361" s="3"/>
      <c r="AE361" s="3"/>
      <c r="AF361" s="3"/>
      <c r="AG361" s="3"/>
    </row>
    <row r="362" spans="1:33" s="63" customFormat="1" ht="20.100000000000001" customHeight="1">
      <c r="A362" s="56" t="s">
        <v>334</v>
      </c>
    </row>
    <row r="363" spans="1:33" customFormat="1" ht="15.95" customHeight="1">
      <c r="B363" s="38" t="s">
        <v>163</v>
      </c>
    </row>
    <row r="364" spans="1:33" customFormat="1" ht="14.1" customHeight="1">
      <c r="A364" s="189" t="s">
        <v>31</v>
      </c>
      <c r="B364" s="190"/>
      <c r="C364" s="190"/>
      <c r="D364" s="190"/>
      <c r="E364" s="190"/>
      <c r="F364" s="190"/>
      <c r="G364" s="190"/>
      <c r="H364" s="190"/>
      <c r="I364" s="190"/>
      <c r="J364" s="190"/>
      <c r="K364" s="190"/>
      <c r="L364" s="190"/>
      <c r="M364" s="190"/>
      <c r="N364" s="190"/>
      <c r="O364" s="190"/>
      <c r="P364" s="190"/>
      <c r="Q364" s="190"/>
      <c r="R364" s="190"/>
      <c r="S364" s="190"/>
      <c r="T364" s="190"/>
      <c r="U364" s="191"/>
      <c r="V364" s="192">
        <v>4</v>
      </c>
      <c r="W364" s="193"/>
      <c r="X364" s="193"/>
      <c r="Y364" s="194"/>
      <c r="Z364" s="192">
        <v>5</v>
      </c>
      <c r="AA364" s="193"/>
      <c r="AB364" s="193"/>
      <c r="AC364" s="193"/>
      <c r="AD364" s="277">
        <v>6</v>
      </c>
      <c r="AE364" s="198"/>
      <c r="AF364" s="198"/>
      <c r="AG364" s="199"/>
    </row>
    <row r="365" spans="1:33" customFormat="1" ht="14.1" customHeight="1">
      <c r="A365" s="138" t="s">
        <v>32</v>
      </c>
      <c r="B365" s="139"/>
      <c r="C365" s="139"/>
      <c r="D365" s="139"/>
      <c r="E365" s="139"/>
      <c r="F365" s="139"/>
      <c r="G365" s="139"/>
      <c r="H365" s="139"/>
      <c r="I365" s="139"/>
      <c r="J365" s="139"/>
      <c r="K365" s="139"/>
      <c r="L365" s="139"/>
      <c r="M365" s="139"/>
      <c r="N365" s="139"/>
      <c r="O365" s="139"/>
      <c r="P365" s="139"/>
      <c r="Q365" s="139"/>
      <c r="R365" s="139"/>
      <c r="S365" s="139"/>
      <c r="T365" s="139"/>
      <c r="U365" s="140"/>
      <c r="V365" s="195"/>
      <c r="W365" s="196"/>
      <c r="X365" s="196"/>
      <c r="Y365" s="197"/>
      <c r="Z365" s="195"/>
      <c r="AA365" s="196"/>
      <c r="AB365" s="196"/>
      <c r="AC365" s="196"/>
      <c r="AD365" s="278"/>
      <c r="AE365" s="200"/>
      <c r="AF365" s="200"/>
      <c r="AG365" s="201"/>
    </row>
    <row r="366" spans="1:33" customFormat="1" ht="20.100000000000001" customHeight="1">
      <c r="A366" s="245" t="s">
        <v>134</v>
      </c>
      <c r="B366" s="112"/>
      <c r="C366" s="112"/>
      <c r="D366" s="112"/>
      <c r="E366" s="112"/>
      <c r="F366" s="112"/>
      <c r="G366" s="112"/>
      <c r="H366" s="142"/>
      <c r="I366" s="111" t="s">
        <v>135</v>
      </c>
      <c r="J366" s="112"/>
      <c r="K366" s="112"/>
      <c r="L366" s="112"/>
      <c r="M366" s="112"/>
      <c r="N366" s="142"/>
      <c r="O366" s="253" t="s">
        <v>290</v>
      </c>
      <c r="P366" s="254"/>
      <c r="Q366" s="254"/>
      <c r="R366" s="254"/>
      <c r="S366" s="254"/>
      <c r="T366" s="231" t="s">
        <v>1</v>
      </c>
      <c r="U366" s="232"/>
      <c r="V366" s="153">
        <v>1</v>
      </c>
      <c r="W366" s="153"/>
      <c r="X366" s="153"/>
      <c r="Y366" s="153"/>
      <c r="Z366" s="272">
        <v>3</v>
      </c>
      <c r="AA366" s="272"/>
      <c r="AB366" s="272"/>
      <c r="AC366" s="272"/>
      <c r="AD366" s="279">
        <v>1</v>
      </c>
      <c r="AE366" s="279"/>
      <c r="AF366" s="279"/>
      <c r="AG366" s="280"/>
    </row>
    <row r="367" spans="1:33" customFormat="1" ht="20.100000000000001" customHeight="1">
      <c r="A367" s="292"/>
      <c r="B367" s="144"/>
      <c r="C367" s="144"/>
      <c r="D367" s="144"/>
      <c r="E367" s="144"/>
      <c r="F367" s="144"/>
      <c r="G367" s="144"/>
      <c r="H367" s="145"/>
      <c r="I367" s="143"/>
      <c r="J367" s="144"/>
      <c r="K367" s="144"/>
      <c r="L367" s="144"/>
      <c r="M367" s="144"/>
      <c r="N367" s="145"/>
      <c r="O367" s="253" t="s">
        <v>291</v>
      </c>
      <c r="P367" s="254"/>
      <c r="Q367" s="254"/>
      <c r="R367" s="254"/>
      <c r="S367" s="254"/>
      <c r="T367" s="231" t="s">
        <v>173</v>
      </c>
      <c r="U367" s="232"/>
      <c r="V367" s="151">
        <v>4</v>
      </c>
      <c r="W367" s="151"/>
      <c r="X367" s="151"/>
      <c r="Y367" s="151"/>
      <c r="Z367" s="131">
        <v>38</v>
      </c>
      <c r="AA367" s="131"/>
      <c r="AB367" s="131"/>
      <c r="AC367" s="131"/>
      <c r="AD367" s="170">
        <v>4</v>
      </c>
      <c r="AE367" s="170"/>
      <c r="AF367" s="170"/>
      <c r="AG367" s="171"/>
    </row>
    <row r="368" spans="1:33" customFormat="1" ht="20.100000000000001" customHeight="1">
      <c r="A368" s="281" t="s">
        <v>292</v>
      </c>
      <c r="B368" s="282"/>
      <c r="C368" s="282"/>
      <c r="D368" s="282"/>
      <c r="E368" s="282"/>
      <c r="F368" s="282"/>
      <c r="G368" s="282"/>
      <c r="H368" s="283"/>
      <c r="I368" s="302" t="s">
        <v>105</v>
      </c>
      <c r="J368" s="303"/>
      <c r="K368" s="303"/>
      <c r="L368" s="303"/>
      <c r="M368" s="303"/>
      <c r="N368" s="303"/>
      <c r="O368" s="303"/>
      <c r="P368" s="303"/>
      <c r="Q368" s="303"/>
      <c r="R368" s="274" t="s">
        <v>100</v>
      </c>
      <c r="S368" s="274"/>
      <c r="T368" s="274"/>
      <c r="U368" s="275"/>
      <c r="V368" s="151">
        <v>76</v>
      </c>
      <c r="W368" s="151"/>
      <c r="X368" s="151"/>
      <c r="Y368" s="151"/>
      <c r="Z368" s="131">
        <v>56</v>
      </c>
      <c r="AA368" s="131"/>
      <c r="AB368" s="131"/>
      <c r="AC368" s="131"/>
      <c r="AD368" s="170">
        <v>63</v>
      </c>
      <c r="AE368" s="170"/>
      <c r="AF368" s="170"/>
      <c r="AG368" s="171"/>
    </row>
    <row r="369" spans="1:33" customFormat="1" ht="20.100000000000001" customHeight="1">
      <c r="A369" s="284"/>
      <c r="B369" s="285"/>
      <c r="C369" s="285"/>
      <c r="D369" s="285"/>
      <c r="E369" s="285"/>
      <c r="F369" s="285"/>
      <c r="G369" s="285"/>
      <c r="H369" s="286"/>
      <c r="I369" s="302" t="s">
        <v>102</v>
      </c>
      <c r="J369" s="303"/>
      <c r="K369" s="303"/>
      <c r="L369" s="303"/>
      <c r="M369" s="303"/>
      <c r="N369" s="303"/>
      <c r="O369" s="303"/>
      <c r="P369" s="303"/>
      <c r="Q369" s="303"/>
      <c r="R369" s="274" t="s">
        <v>87</v>
      </c>
      <c r="S369" s="274"/>
      <c r="T369" s="274"/>
      <c r="U369" s="275"/>
      <c r="V369" s="151">
        <v>6584</v>
      </c>
      <c r="W369" s="151"/>
      <c r="X369" s="151"/>
      <c r="Y369" s="151"/>
      <c r="Z369" s="131">
        <v>4891</v>
      </c>
      <c r="AA369" s="131"/>
      <c r="AB369" s="131"/>
      <c r="AC369" s="131"/>
      <c r="AD369" s="170">
        <v>5584</v>
      </c>
      <c r="AE369" s="170"/>
      <c r="AF369" s="170"/>
      <c r="AG369" s="171"/>
    </row>
    <row r="370" spans="1:33" customFormat="1" ht="20.100000000000001" customHeight="1">
      <c r="A370" s="245" t="s">
        <v>293</v>
      </c>
      <c r="B370" s="112"/>
      <c r="C370" s="112"/>
      <c r="D370" s="112"/>
      <c r="E370" s="112"/>
      <c r="F370" s="112"/>
      <c r="G370" s="112"/>
      <c r="H370" s="142"/>
      <c r="I370" s="111" t="s">
        <v>136</v>
      </c>
      <c r="J370" s="112"/>
      <c r="K370" s="112"/>
      <c r="L370" s="112"/>
      <c r="M370" s="112"/>
      <c r="N370" s="142"/>
      <c r="O370" s="253" t="s">
        <v>290</v>
      </c>
      <c r="P370" s="254"/>
      <c r="Q370" s="254"/>
      <c r="R370" s="254"/>
      <c r="S370" s="254"/>
      <c r="T370" s="231" t="s">
        <v>1</v>
      </c>
      <c r="U370" s="232"/>
      <c r="V370" s="151">
        <v>147</v>
      </c>
      <c r="W370" s="151"/>
      <c r="X370" s="151"/>
      <c r="Y370" s="151"/>
      <c r="Z370" s="131">
        <v>157</v>
      </c>
      <c r="AA370" s="131"/>
      <c r="AB370" s="131"/>
      <c r="AC370" s="131"/>
      <c r="AD370" s="170">
        <v>142</v>
      </c>
      <c r="AE370" s="170"/>
      <c r="AF370" s="170"/>
      <c r="AG370" s="171"/>
    </row>
    <row r="371" spans="1:33" customFormat="1" ht="20.100000000000001" customHeight="1">
      <c r="A371" s="293"/>
      <c r="B371" s="163"/>
      <c r="C371" s="163"/>
      <c r="D371" s="163"/>
      <c r="E371" s="163"/>
      <c r="F371" s="163"/>
      <c r="G371" s="163"/>
      <c r="H371" s="225"/>
      <c r="I371" s="143"/>
      <c r="J371" s="144"/>
      <c r="K371" s="144"/>
      <c r="L371" s="144"/>
      <c r="M371" s="144"/>
      <c r="N371" s="145"/>
      <c r="O371" s="253" t="s">
        <v>294</v>
      </c>
      <c r="P371" s="254"/>
      <c r="Q371" s="254"/>
      <c r="R371" s="254"/>
      <c r="S371" s="254"/>
      <c r="T371" s="231" t="s">
        <v>295</v>
      </c>
      <c r="U371" s="232"/>
      <c r="V371" s="151">
        <v>3050</v>
      </c>
      <c r="W371" s="151"/>
      <c r="X371" s="151"/>
      <c r="Y371" s="151"/>
      <c r="Z371" s="131">
        <v>3013</v>
      </c>
      <c r="AA371" s="131"/>
      <c r="AB371" s="131"/>
      <c r="AC371" s="131"/>
      <c r="AD371" s="170">
        <v>3274</v>
      </c>
      <c r="AE371" s="170"/>
      <c r="AF371" s="170"/>
      <c r="AG371" s="171"/>
    </row>
    <row r="372" spans="1:33" customFormat="1" ht="20.100000000000001" customHeight="1">
      <c r="A372" s="293"/>
      <c r="B372" s="163"/>
      <c r="C372" s="163"/>
      <c r="D372" s="163"/>
      <c r="E372" s="163"/>
      <c r="F372" s="163"/>
      <c r="G372" s="163"/>
      <c r="H372" s="225"/>
      <c r="I372" s="111" t="s">
        <v>137</v>
      </c>
      <c r="J372" s="112"/>
      <c r="K372" s="112"/>
      <c r="L372" s="112"/>
      <c r="M372" s="112"/>
      <c r="N372" s="142"/>
      <c r="O372" s="253" t="s">
        <v>290</v>
      </c>
      <c r="P372" s="254"/>
      <c r="Q372" s="254"/>
      <c r="R372" s="254"/>
      <c r="S372" s="254"/>
      <c r="T372" s="231" t="s">
        <v>1</v>
      </c>
      <c r="U372" s="232"/>
      <c r="V372" s="151" t="s">
        <v>162</v>
      </c>
      <c r="W372" s="151"/>
      <c r="X372" s="151"/>
      <c r="Y372" s="151"/>
      <c r="Z372" s="258" t="s">
        <v>162</v>
      </c>
      <c r="AA372" s="258"/>
      <c r="AB372" s="258"/>
      <c r="AC372" s="258"/>
      <c r="AD372" s="255" t="s">
        <v>162</v>
      </c>
      <c r="AE372" s="255"/>
      <c r="AF372" s="255"/>
      <c r="AG372" s="256"/>
    </row>
    <row r="373" spans="1:33" customFormat="1" ht="20.100000000000001" customHeight="1">
      <c r="A373" s="292"/>
      <c r="B373" s="144"/>
      <c r="C373" s="144"/>
      <c r="D373" s="144"/>
      <c r="E373" s="144"/>
      <c r="F373" s="144"/>
      <c r="G373" s="144"/>
      <c r="H373" s="145"/>
      <c r="I373" s="143"/>
      <c r="J373" s="144"/>
      <c r="K373" s="144"/>
      <c r="L373" s="144"/>
      <c r="M373" s="144"/>
      <c r="N373" s="145"/>
      <c r="O373" s="253" t="s">
        <v>294</v>
      </c>
      <c r="P373" s="254"/>
      <c r="Q373" s="254"/>
      <c r="R373" s="254"/>
      <c r="S373" s="254"/>
      <c r="T373" s="231" t="s">
        <v>295</v>
      </c>
      <c r="U373" s="232"/>
      <c r="V373" s="151" t="s">
        <v>162</v>
      </c>
      <c r="W373" s="151"/>
      <c r="X373" s="151"/>
      <c r="Y373" s="151"/>
      <c r="Z373" s="258" t="s">
        <v>162</v>
      </c>
      <c r="AA373" s="258"/>
      <c r="AB373" s="258"/>
      <c r="AC373" s="258"/>
      <c r="AD373" s="255" t="s">
        <v>162</v>
      </c>
      <c r="AE373" s="255"/>
      <c r="AF373" s="255"/>
      <c r="AG373" s="256"/>
    </row>
    <row r="374" spans="1:33" customFormat="1" ht="20.100000000000001" customHeight="1">
      <c r="A374" s="281" t="s">
        <v>138</v>
      </c>
      <c r="B374" s="282"/>
      <c r="C374" s="282"/>
      <c r="D374" s="282"/>
      <c r="E374" s="282"/>
      <c r="F374" s="282"/>
      <c r="G374" s="282"/>
      <c r="H374" s="283"/>
      <c r="I374" s="302" t="s">
        <v>296</v>
      </c>
      <c r="J374" s="303"/>
      <c r="K374" s="303"/>
      <c r="L374" s="303"/>
      <c r="M374" s="303"/>
      <c r="N374" s="303"/>
      <c r="O374" s="303"/>
      <c r="P374" s="303"/>
      <c r="Q374" s="303"/>
      <c r="R374" s="290" t="s">
        <v>297</v>
      </c>
      <c r="S374" s="290"/>
      <c r="T374" s="290"/>
      <c r="U374" s="291"/>
      <c r="V374" s="151">
        <v>418</v>
      </c>
      <c r="W374" s="151"/>
      <c r="X374" s="151"/>
      <c r="Y374" s="151"/>
      <c r="Z374" s="131">
        <v>441</v>
      </c>
      <c r="AA374" s="131"/>
      <c r="AB374" s="131"/>
      <c r="AC374" s="131"/>
      <c r="AD374" s="170">
        <v>462</v>
      </c>
      <c r="AE374" s="170"/>
      <c r="AF374" s="170"/>
      <c r="AG374" s="171"/>
    </row>
    <row r="375" spans="1:33" customFormat="1" ht="20.100000000000001" customHeight="1">
      <c r="A375" s="284"/>
      <c r="B375" s="285"/>
      <c r="C375" s="285"/>
      <c r="D375" s="285"/>
      <c r="E375" s="285"/>
      <c r="F375" s="285"/>
      <c r="G375" s="285"/>
      <c r="H375" s="286"/>
      <c r="I375" s="302" t="s">
        <v>298</v>
      </c>
      <c r="J375" s="303"/>
      <c r="K375" s="303"/>
      <c r="L375" s="303"/>
      <c r="M375" s="303"/>
      <c r="N375" s="303"/>
      <c r="O375" s="303"/>
      <c r="P375" s="303"/>
      <c r="Q375" s="303"/>
      <c r="R375" s="290" t="s">
        <v>297</v>
      </c>
      <c r="S375" s="290"/>
      <c r="T375" s="290"/>
      <c r="U375" s="291"/>
      <c r="V375" s="151">
        <v>8</v>
      </c>
      <c r="W375" s="151"/>
      <c r="X375" s="151"/>
      <c r="Y375" s="151"/>
      <c r="Z375" s="131">
        <v>8</v>
      </c>
      <c r="AA375" s="131"/>
      <c r="AB375" s="131"/>
      <c r="AC375" s="131"/>
      <c r="AD375" s="170">
        <v>8</v>
      </c>
      <c r="AE375" s="170"/>
      <c r="AF375" s="170"/>
      <c r="AG375" s="171"/>
    </row>
    <row r="376" spans="1:33" customFormat="1" ht="20.100000000000001" customHeight="1">
      <c r="A376" s="281" t="s">
        <v>299</v>
      </c>
      <c r="B376" s="282"/>
      <c r="C376" s="282"/>
      <c r="D376" s="282"/>
      <c r="E376" s="282"/>
      <c r="F376" s="282"/>
      <c r="G376" s="282"/>
      <c r="H376" s="283"/>
      <c r="I376" s="111" t="s">
        <v>141</v>
      </c>
      <c r="J376" s="112"/>
      <c r="K376" s="112"/>
      <c r="L376" s="112"/>
      <c r="M376" s="112"/>
      <c r="N376" s="142"/>
      <c r="O376" s="287" t="s">
        <v>139</v>
      </c>
      <c r="P376" s="288"/>
      <c r="Q376" s="288"/>
      <c r="R376" s="288"/>
      <c r="S376" s="288"/>
      <c r="T376" s="288"/>
      <c r="U376" s="289"/>
      <c r="V376" s="151">
        <v>3</v>
      </c>
      <c r="W376" s="151"/>
      <c r="X376" s="151"/>
      <c r="Y376" s="151"/>
      <c r="Z376" s="131">
        <v>2</v>
      </c>
      <c r="AA376" s="131"/>
      <c r="AB376" s="131"/>
      <c r="AC376" s="131"/>
      <c r="AD376" s="294">
        <v>1</v>
      </c>
      <c r="AE376" s="294"/>
      <c r="AF376" s="294"/>
      <c r="AG376" s="295"/>
    </row>
    <row r="377" spans="1:33" customFormat="1" ht="20.100000000000001" customHeight="1">
      <c r="A377" s="284"/>
      <c r="B377" s="285"/>
      <c r="C377" s="285"/>
      <c r="D377" s="285"/>
      <c r="E377" s="285"/>
      <c r="F377" s="285"/>
      <c r="G377" s="285"/>
      <c r="H377" s="286"/>
      <c r="I377" s="143"/>
      <c r="J377" s="144"/>
      <c r="K377" s="144"/>
      <c r="L377" s="144"/>
      <c r="M377" s="144"/>
      <c r="N377" s="145"/>
      <c r="O377" s="287" t="s">
        <v>140</v>
      </c>
      <c r="P377" s="288"/>
      <c r="Q377" s="288"/>
      <c r="R377" s="288"/>
      <c r="S377" s="288"/>
      <c r="T377" s="288"/>
      <c r="U377" s="289"/>
      <c r="V377" s="226">
        <v>1</v>
      </c>
      <c r="W377" s="226"/>
      <c r="X377" s="226"/>
      <c r="Y377" s="226"/>
      <c r="Z377" s="258" t="s">
        <v>162</v>
      </c>
      <c r="AA377" s="258"/>
      <c r="AB377" s="258"/>
      <c r="AC377" s="258"/>
      <c r="AD377" s="296" t="s">
        <v>162</v>
      </c>
      <c r="AE377" s="296"/>
      <c r="AF377" s="296"/>
      <c r="AG377" s="297"/>
    </row>
    <row r="378" spans="1:33" customFormat="1" ht="20.100000000000001" customHeight="1">
      <c r="A378" s="281" t="s">
        <v>300</v>
      </c>
      <c r="B378" s="282"/>
      <c r="C378" s="282"/>
      <c r="D378" s="282"/>
      <c r="E378" s="282"/>
      <c r="F378" s="282"/>
      <c r="G378" s="282"/>
      <c r="H378" s="283"/>
      <c r="I378" s="302" t="s">
        <v>301</v>
      </c>
      <c r="J378" s="303"/>
      <c r="K378" s="303"/>
      <c r="L378" s="303"/>
      <c r="M378" s="303"/>
      <c r="N378" s="303"/>
      <c r="O378" s="303"/>
      <c r="P378" s="303"/>
      <c r="Q378" s="303"/>
      <c r="R378" s="274" t="s">
        <v>1</v>
      </c>
      <c r="S378" s="274"/>
      <c r="T378" s="274"/>
      <c r="U378" s="275"/>
      <c r="V378" s="151">
        <v>547</v>
      </c>
      <c r="W378" s="151"/>
      <c r="X378" s="151"/>
      <c r="Y378" s="151"/>
      <c r="Z378" s="262">
        <v>547</v>
      </c>
      <c r="AA378" s="262"/>
      <c r="AB378" s="262"/>
      <c r="AC378" s="262"/>
      <c r="AD378" s="170">
        <v>541</v>
      </c>
      <c r="AE378" s="170"/>
      <c r="AF378" s="170"/>
      <c r="AG378" s="171"/>
    </row>
    <row r="379" spans="1:33" customFormat="1" ht="20.100000000000001" customHeight="1">
      <c r="A379" s="284"/>
      <c r="B379" s="285"/>
      <c r="C379" s="285"/>
      <c r="D379" s="285"/>
      <c r="E379" s="285"/>
      <c r="F379" s="285"/>
      <c r="G379" s="285"/>
      <c r="H379" s="286"/>
      <c r="I379" s="302" t="s">
        <v>302</v>
      </c>
      <c r="J379" s="303"/>
      <c r="K379" s="303"/>
      <c r="L379" s="303"/>
      <c r="M379" s="303"/>
      <c r="N379" s="303"/>
      <c r="O379" s="303"/>
      <c r="P379" s="303"/>
      <c r="Q379" s="303"/>
      <c r="R379" s="274" t="s">
        <v>87</v>
      </c>
      <c r="S379" s="274"/>
      <c r="T379" s="274"/>
      <c r="U379" s="275"/>
      <c r="V379" s="151">
        <v>54483</v>
      </c>
      <c r="W379" s="151"/>
      <c r="X379" s="151"/>
      <c r="Y379" s="151"/>
      <c r="Z379" s="262">
        <v>57051</v>
      </c>
      <c r="AA379" s="262"/>
      <c r="AB379" s="262"/>
      <c r="AC379" s="262"/>
      <c r="AD379" s="170">
        <v>58135</v>
      </c>
      <c r="AE379" s="170"/>
      <c r="AF379" s="170"/>
      <c r="AG379" s="171"/>
    </row>
    <row r="380" spans="1:33" customFormat="1" ht="20.100000000000001" customHeight="1">
      <c r="A380" s="831" t="s">
        <v>303</v>
      </c>
      <c r="B380" s="832"/>
      <c r="C380" s="832"/>
      <c r="D380" s="832"/>
      <c r="E380" s="832"/>
      <c r="F380" s="832"/>
      <c r="G380" s="832"/>
      <c r="H380" s="833"/>
      <c r="I380" s="302" t="s">
        <v>304</v>
      </c>
      <c r="J380" s="303"/>
      <c r="K380" s="303"/>
      <c r="L380" s="303"/>
      <c r="M380" s="303"/>
      <c r="N380" s="303"/>
      <c r="O380" s="303"/>
      <c r="P380" s="303"/>
      <c r="Q380" s="303"/>
      <c r="R380" s="274" t="s">
        <v>1</v>
      </c>
      <c r="S380" s="274"/>
      <c r="T380" s="274"/>
      <c r="U380" s="275"/>
      <c r="V380" s="151">
        <v>1518</v>
      </c>
      <c r="W380" s="151"/>
      <c r="X380" s="151"/>
      <c r="Y380" s="151"/>
      <c r="Z380" s="262">
        <v>1594</v>
      </c>
      <c r="AA380" s="262"/>
      <c r="AB380" s="262"/>
      <c r="AC380" s="262"/>
      <c r="AD380" s="170">
        <v>1608</v>
      </c>
      <c r="AE380" s="170"/>
      <c r="AF380" s="170"/>
      <c r="AG380" s="171"/>
    </row>
    <row r="381" spans="1:33" customFormat="1" ht="20.100000000000001" customHeight="1">
      <c r="A381" s="834"/>
      <c r="B381" s="835"/>
      <c r="C381" s="835"/>
      <c r="D381" s="835"/>
      <c r="E381" s="835"/>
      <c r="F381" s="835"/>
      <c r="G381" s="835"/>
      <c r="H381" s="836"/>
      <c r="I381" s="298" t="s">
        <v>99</v>
      </c>
      <c r="J381" s="299"/>
      <c r="K381" s="299"/>
      <c r="L381" s="299"/>
      <c r="M381" s="299"/>
      <c r="N381" s="299"/>
      <c r="O381" s="299"/>
      <c r="P381" s="299"/>
      <c r="Q381" s="299"/>
      <c r="R381" s="300" t="s">
        <v>87</v>
      </c>
      <c r="S381" s="300"/>
      <c r="T381" s="300"/>
      <c r="U381" s="301"/>
      <c r="V381" s="224">
        <v>8276</v>
      </c>
      <c r="W381" s="224"/>
      <c r="X381" s="224"/>
      <c r="Y381" s="224"/>
      <c r="Z381" s="257">
        <v>8368</v>
      </c>
      <c r="AA381" s="257"/>
      <c r="AB381" s="257"/>
      <c r="AC381" s="257"/>
      <c r="AD381" s="122">
        <v>8479</v>
      </c>
      <c r="AE381" s="122"/>
      <c r="AF381" s="122"/>
      <c r="AG381" s="181"/>
    </row>
    <row r="382" spans="1:33" customFormat="1" ht="13.5" customHeight="1">
      <c r="AG382" s="57" t="s">
        <v>336</v>
      </c>
    </row>
    <row r="383" spans="1:33" s="1" customFormat="1" ht="17.25" customHeight="1"/>
  </sheetData>
  <protectedRanges>
    <protectedRange sqref="J75:U76 Z75:AG76" name="範囲1_1"/>
    <protectedRange sqref="F125:S126" name="範囲1_13"/>
    <protectedRange sqref="P221:AG221" name="範囲1_19"/>
    <protectedRange sqref="N240:AG245" name="範囲1_26"/>
    <protectedRange sqref="R257:AG261 R252:AG255" name="範囲1_31"/>
    <protectedRange sqref="G203:AG204" name="範囲1_3"/>
    <protectedRange sqref="T126:AG126" name="範囲1_2"/>
    <protectedRange sqref="D142:AG143" name="範囲1_16"/>
    <protectedRange sqref="M297:AG299 M292:AG294" name="範囲1_17"/>
    <protectedRange sqref="J307:AG308" name="範囲1_20"/>
    <protectedRange sqref="V314:AG334" name="範囲1_30"/>
    <protectedRange sqref="Z366:AG377" name="範囲1_32"/>
    <protectedRange sqref="I178:AB178" name="範囲1_5"/>
    <protectedRange sqref="I179:AB179" name="範囲1_15"/>
    <protectedRange sqref="I186:AB186" name="範囲1_7"/>
    <protectedRange sqref="I187:AB187" name="範囲1_16_1"/>
    <protectedRange sqref="AB357:AG358" name="範囲1_10"/>
    <protectedRange sqref="R94:AG96" name="範囲1_21"/>
    <protectedRange sqref="J94:Q96" name="範囲1_3_3"/>
    <protectedRange sqref="Z108:AG108 R98:AG107" name="範囲1_22"/>
    <protectedRange sqref="J98:Q108 R108:Y108" name="範囲1_3_4"/>
    <protectedRange sqref="N169:AG169" name="範囲1_29"/>
    <protectedRange sqref="J211:Y212" name="範囲1_34"/>
    <protectedRange sqref="J210:Y210" name="範囲1_6_3"/>
    <protectedRange sqref="R268:AG278" name="範囲1_35"/>
    <protectedRange sqref="J268:Q278" name="範囲1_7_1"/>
    <protectedRange sqref="AD378:AG381" name="範囲1_1_2"/>
    <protectedRange sqref="M229:AG230" name="範囲1"/>
    <protectedRange sqref="R21:Y21 R8:AG16" name="範囲1_1_1_3"/>
    <protectedRange sqref="Z21:AG21 R22:AG25 R18:AG20" name="範囲1_1_2_3"/>
    <protectedRange sqref="R33:AG34" name="範囲1_1_3"/>
    <protectedRange sqref="R36:AG39" name="範囲1_1_4_1"/>
    <protectedRange sqref="R41:AG44" name="範囲1_1_5_1"/>
    <protectedRange sqref="N52:AG55" name="範囲1_1_6"/>
    <protectedRange sqref="AB340 V340 V343:AG356" name="範囲1_1_12"/>
    <protectedRange sqref="S162:X163 AB162:AG163 G162:P163 D162:E163" name="範囲1_8"/>
    <protectedRange sqref="I61:AG62" name="範囲1_1_4"/>
    <protectedRange sqref="I63:AG66" name="範囲1_1_7_1"/>
    <protectedRange sqref="F86:F87 M86:AG87" name="範囲1_12"/>
    <protectedRange sqref="F85 M85:AG85" name="範囲1_1_5"/>
    <protectedRange sqref="E116:I118 O116:AC118" name="範囲1_11"/>
    <protectedRange sqref="N134:AG135" name="範囲1_4"/>
    <protectedRange sqref="F151:S152" name="範囲1_1_1"/>
    <protectedRange sqref="F153:S153" name="範囲1_1_8"/>
    <protectedRange sqref="L193:AG193 O194:AG195 E194:G195 I194:M195" name="範囲1_14"/>
  </protectedRanges>
  <mergeCells count="1452">
    <mergeCell ref="J42:Q42"/>
    <mergeCell ref="J41:Q41"/>
    <mergeCell ref="N53:R53"/>
    <mergeCell ref="A54:D55"/>
    <mergeCell ref="E53:H53"/>
    <mergeCell ref="N52:R52"/>
    <mergeCell ref="I50:M50"/>
    <mergeCell ref="F125:L125"/>
    <mergeCell ref="F126:L126"/>
    <mergeCell ref="T125:Z125"/>
    <mergeCell ref="J107:Q107"/>
    <mergeCell ref="E114:I115"/>
    <mergeCell ref="T118:X118"/>
    <mergeCell ref="T124:Z124"/>
    <mergeCell ref="O116:S116"/>
    <mergeCell ref="F124:L124"/>
    <mergeCell ref="E54:H54"/>
    <mergeCell ref="I85:L85"/>
    <mergeCell ref="P84:R84"/>
    <mergeCell ref="I51:M51"/>
    <mergeCell ref="D107:H107"/>
    <mergeCell ref="C97:H97"/>
    <mergeCell ref="D105:H105"/>
    <mergeCell ref="D103:H103"/>
    <mergeCell ref="A87:E87"/>
    <mergeCell ref="D43:H43"/>
    <mergeCell ref="A52:D53"/>
    <mergeCell ref="I54:M54"/>
    <mergeCell ref="D98:H98"/>
    <mergeCell ref="A86:E86"/>
    <mergeCell ref="A95:F95"/>
    <mergeCell ref="R101:Y101"/>
    <mergeCell ref="AA126:AG126"/>
    <mergeCell ref="AD133:AG133"/>
    <mergeCell ref="AC143:AG143"/>
    <mergeCell ref="Z133:AC133"/>
    <mergeCell ref="X142:AB142"/>
    <mergeCell ref="I142:M142"/>
    <mergeCell ref="N141:R141"/>
    <mergeCell ref="N134:Q134"/>
    <mergeCell ref="A176:H176"/>
    <mergeCell ref="A175:H175"/>
    <mergeCell ref="I175:M175"/>
    <mergeCell ref="A134:H134"/>
    <mergeCell ref="P202:X202"/>
    <mergeCell ref="V238:Y238"/>
    <mergeCell ref="AB287:AD287"/>
    <mergeCell ref="Z135:AC135"/>
    <mergeCell ref="V134:Y134"/>
    <mergeCell ref="M225:AG225"/>
    <mergeCell ref="P219:U219"/>
    <mergeCell ref="AB163:AD163"/>
    <mergeCell ref="V163:X163"/>
    <mergeCell ref="AE162:AG162"/>
    <mergeCell ref="I143:M143"/>
    <mergeCell ref="A143:C143"/>
    <mergeCell ref="V133:Y133"/>
    <mergeCell ref="N133:Q133"/>
    <mergeCell ref="X149:AG149"/>
    <mergeCell ref="X150:AG150"/>
    <mergeCell ref="F150:N150"/>
    <mergeCell ref="D140:H140"/>
    <mergeCell ref="F151:N151"/>
    <mergeCell ref="F152:N152"/>
    <mergeCell ref="N276:Q276"/>
    <mergeCell ref="S289:U289"/>
    <mergeCell ref="S288:U288"/>
    <mergeCell ref="AD239:AG239"/>
    <mergeCell ref="V243:Y243"/>
    <mergeCell ref="Z244:AC244"/>
    <mergeCell ref="AB219:AG219"/>
    <mergeCell ref="AE288:AG288"/>
    <mergeCell ref="Y286:AA286"/>
    <mergeCell ref="I169:M169"/>
    <mergeCell ref="X183:AB183"/>
    <mergeCell ref="AC178:AG178"/>
    <mergeCell ref="B287:I287"/>
    <mergeCell ref="B286:I286"/>
    <mergeCell ref="A184:H184"/>
    <mergeCell ref="K193:Q193"/>
    <mergeCell ref="K194:Q194"/>
    <mergeCell ref="A194:D194"/>
    <mergeCell ref="A227:E227"/>
    <mergeCell ref="A200:F200"/>
    <mergeCell ref="I179:M179"/>
    <mergeCell ref="I184:M184"/>
    <mergeCell ref="S186:W186"/>
    <mergeCell ref="AC184:AG184"/>
    <mergeCell ref="S184:W184"/>
    <mergeCell ref="A204:F204"/>
    <mergeCell ref="A201:F201"/>
    <mergeCell ref="A236:I236"/>
    <mergeCell ref="J235:M236"/>
    <mergeCell ref="Z235:AC236"/>
    <mergeCell ref="A225:E225"/>
    <mergeCell ref="V221:AA221"/>
    <mergeCell ref="V239:Y239"/>
    <mergeCell ref="AB290:AD290"/>
    <mergeCell ref="AC185:AG185"/>
    <mergeCell ref="Z275:AC275"/>
    <mergeCell ref="V286:X286"/>
    <mergeCell ref="Y290:AA290"/>
    <mergeCell ref="P314:U314"/>
    <mergeCell ref="AB306:AG306"/>
    <mergeCell ref="AB314:AG314"/>
    <mergeCell ref="V308:AA308"/>
    <mergeCell ref="V314:AA314"/>
    <mergeCell ref="V288:X288"/>
    <mergeCell ref="AB288:AD288"/>
    <mergeCell ref="AE283:AG284"/>
    <mergeCell ref="S283:U284"/>
    <mergeCell ref="AE298:AG298"/>
    <mergeCell ref="P294:R294"/>
    <mergeCell ref="AB307:AG307"/>
    <mergeCell ref="V306:AA306"/>
    <mergeCell ref="P306:U306"/>
    <mergeCell ref="AB293:AD293"/>
    <mergeCell ref="AB291:AD291"/>
    <mergeCell ref="S294:U294"/>
    <mergeCell ref="Y296:AA296"/>
    <mergeCell ref="Y293:AA293"/>
    <mergeCell ref="P295:R295"/>
    <mergeCell ref="P298:R298"/>
    <mergeCell ref="S298:U298"/>
    <mergeCell ref="V304:AA305"/>
    <mergeCell ref="V292:X292"/>
    <mergeCell ref="AE291:AG291"/>
    <mergeCell ref="Y298:AA298"/>
    <mergeCell ref="AB347:AG347"/>
    <mergeCell ref="R369:U369"/>
    <mergeCell ref="P356:U356"/>
    <mergeCell ref="V273:Y273"/>
    <mergeCell ref="Z238:AC238"/>
    <mergeCell ref="AA205:AG205"/>
    <mergeCell ref="AJ150:AM150"/>
    <mergeCell ref="AB329:AG329"/>
    <mergeCell ref="AB327:AG327"/>
    <mergeCell ref="V327:AA327"/>
    <mergeCell ref="AD244:AG244"/>
    <mergeCell ref="AE285:AG285"/>
    <mergeCell ref="Z266:AC266"/>
    <mergeCell ref="AB328:AG328"/>
    <mergeCell ref="AB324:AG324"/>
    <mergeCell ref="V324:AA324"/>
    <mergeCell ref="V325:AA325"/>
    <mergeCell ref="AB325:AG325"/>
    <mergeCell ref="AB286:AD286"/>
    <mergeCell ref="AB283:AD284"/>
    <mergeCell ref="V298:X298"/>
    <mergeCell ref="T226:Z227"/>
    <mergeCell ref="S179:W179"/>
    <mergeCell ref="AB220:AG220"/>
    <mergeCell ref="Z237:AC237"/>
    <mergeCell ref="AD237:AG237"/>
    <mergeCell ref="AA229:AG229"/>
    <mergeCell ref="T229:Z229"/>
    <mergeCell ref="AA228:AG228"/>
    <mergeCell ref="AD195:AG195"/>
    <mergeCell ref="AD242:AG242"/>
    <mergeCell ref="Z239:AC239"/>
    <mergeCell ref="A159:C159"/>
    <mergeCell ref="A160:C160"/>
    <mergeCell ref="A161:C161"/>
    <mergeCell ref="I168:M168"/>
    <mergeCell ref="H160:J160"/>
    <mergeCell ref="A162:C162"/>
    <mergeCell ref="A163:C163"/>
    <mergeCell ref="E161:G161"/>
    <mergeCell ref="I370:N371"/>
    <mergeCell ref="R194:U194"/>
    <mergeCell ref="R193:U193"/>
    <mergeCell ref="A212:I212"/>
    <mergeCell ref="A202:F202"/>
    <mergeCell ref="T228:Z228"/>
    <mergeCell ref="V212:Y212"/>
    <mergeCell ref="N211:Q211"/>
    <mergeCell ref="AB356:AG356"/>
    <mergeCell ref="AB345:AG345"/>
    <mergeCell ref="P346:U346"/>
    <mergeCell ref="O370:S370"/>
    <mergeCell ref="V347:AA347"/>
    <mergeCell ref="V346:AA346"/>
    <mergeCell ref="P312:U313"/>
    <mergeCell ref="AB349:AG349"/>
    <mergeCell ref="V351:AA351"/>
    <mergeCell ref="V349:AA349"/>
    <mergeCell ref="AB348:AG348"/>
    <mergeCell ref="AB350:AG350"/>
    <mergeCell ref="P341:U341"/>
    <mergeCell ref="AB346:AG346"/>
    <mergeCell ref="AB344:AG344"/>
    <mergeCell ref="V345:AA345"/>
    <mergeCell ref="AA170:AG170"/>
    <mergeCell ref="AD169:AG169"/>
    <mergeCell ref="Z169:AC169"/>
    <mergeCell ref="S183:W183"/>
    <mergeCell ref="X185:AB185"/>
    <mergeCell ref="N185:R185"/>
    <mergeCell ref="E192:J192"/>
    <mergeCell ref="V193:Y193"/>
    <mergeCell ref="S175:W175"/>
    <mergeCell ref="X175:AB175"/>
    <mergeCell ref="A169:H169"/>
    <mergeCell ref="AD168:AG168"/>
    <mergeCell ref="AC175:AG175"/>
    <mergeCell ref="R374:U374"/>
    <mergeCell ref="O366:S366"/>
    <mergeCell ref="I368:Q368"/>
    <mergeCell ref="A380:H381"/>
    <mergeCell ref="I380:Q380"/>
    <mergeCell ref="O371:S371"/>
    <mergeCell ref="I372:N373"/>
    <mergeCell ref="O373:S373"/>
    <mergeCell ref="R380:U380"/>
    <mergeCell ref="I379:Q379"/>
    <mergeCell ref="I374:Q374"/>
    <mergeCell ref="A376:H377"/>
    <mergeCell ref="A378:H379"/>
    <mergeCell ref="T372:U372"/>
    <mergeCell ref="R378:U378"/>
    <mergeCell ref="I375:Q375"/>
    <mergeCell ref="P352:U352"/>
    <mergeCell ref="V329:AA329"/>
    <mergeCell ref="V328:AA328"/>
    <mergeCell ref="N135:Q135"/>
    <mergeCell ref="I140:M140"/>
    <mergeCell ref="Z131:AC132"/>
    <mergeCell ref="Y204:AG204"/>
    <mergeCell ref="N210:Q210"/>
    <mergeCell ref="R211:U211"/>
    <mergeCell ref="R208:Y208"/>
    <mergeCell ref="V210:Y210"/>
    <mergeCell ref="A226:E226"/>
    <mergeCell ref="M226:S227"/>
    <mergeCell ref="A218:I218"/>
    <mergeCell ref="A217:I217"/>
    <mergeCell ref="V219:AA219"/>
    <mergeCell ref="AB217:AG218"/>
    <mergeCell ref="Y203:AG203"/>
    <mergeCell ref="P217:U218"/>
    <mergeCell ref="J220:O220"/>
    <mergeCell ref="A158:C158"/>
    <mergeCell ref="O151:W151"/>
    <mergeCell ref="F147:AG148"/>
    <mergeCell ref="A178:H178"/>
    <mergeCell ref="I177:M177"/>
    <mergeCell ref="A153:E153"/>
    <mergeCell ref="N176:R176"/>
    <mergeCell ref="X176:AB176"/>
    <mergeCell ref="S178:W178"/>
    <mergeCell ref="V217:AA218"/>
    <mergeCell ref="J216:O218"/>
    <mergeCell ref="N209:Q209"/>
    <mergeCell ref="P221:U221"/>
    <mergeCell ref="Z168:AC168"/>
    <mergeCell ref="N169:Q169"/>
    <mergeCell ref="AA124:AG124"/>
    <mergeCell ref="T123:Z123"/>
    <mergeCell ref="A141:C141"/>
    <mergeCell ref="AD134:AG134"/>
    <mergeCell ref="AC142:AG142"/>
    <mergeCell ref="D143:H143"/>
    <mergeCell ref="N168:Q168"/>
    <mergeCell ref="A135:H135"/>
    <mergeCell ref="V161:X161"/>
    <mergeCell ref="X141:AB141"/>
    <mergeCell ref="AD135:AG135"/>
    <mergeCell ref="S139:AG139"/>
    <mergeCell ref="V135:Y135"/>
    <mergeCell ref="N161:P161"/>
    <mergeCell ref="A168:H168"/>
    <mergeCell ref="A152:E152"/>
    <mergeCell ref="E160:G160"/>
    <mergeCell ref="S161:U161"/>
    <mergeCell ref="AE163:AG163"/>
    <mergeCell ref="S163:U163"/>
    <mergeCell ref="Y161:AA161"/>
    <mergeCell ref="AB161:AD161"/>
    <mergeCell ref="X143:AB143"/>
    <mergeCell ref="N143:R143"/>
    <mergeCell ref="N140:R140"/>
    <mergeCell ref="Y160:AA160"/>
    <mergeCell ref="AB160:AD160"/>
    <mergeCell ref="AE160:AG160"/>
    <mergeCell ref="AB162:AD162"/>
    <mergeCell ref="F149:N149"/>
    <mergeCell ref="O149:W149"/>
    <mergeCell ref="O152:W152"/>
    <mergeCell ref="V211:Y211"/>
    <mergeCell ref="R212:U212"/>
    <mergeCell ref="N235:Q236"/>
    <mergeCell ref="A230:E230"/>
    <mergeCell ref="P220:U220"/>
    <mergeCell ref="Y202:AG202"/>
    <mergeCell ref="V209:Y209"/>
    <mergeCell ref="A216:I216"/>
    <mergeCell ref="A228:E228"/>
    <mergeCell ref="A235:I235"/>
    <mergeCell ref="J219:O219"/>
    <mergeCell ref="A211:I211"/>
    <mergeCell ref="A210:I210"/>
    <mergeCell ref="A208:I208"/>
    <mergeCell ref="F225:L227"/>
    <mergeCell ref="R235:U236"/>
    <mergeCell ref="AD235:AG236"/>
    <mergeCell ref="A203:F203"/>
    <mergeCell ref="J208:Q208"/>
    <mergeCell ref="P204:X204"/>
    <mergeCell ref="G203:O203"/>
    <mergeCell ref="P203:X203"/>
    <mergeCell ref="AA230:AG230"/>
    <mergeCell ref="M229:S229"/>
    <mergeCell ref="R210:U210"/>
    <mergeCell ref="G200:O200"/>
    <mergeCell ref="X186:AB186"/>
    <mergeCell ref="X184:AB184"/>
    <mergeCell ref="I186:M186"/>
    <mergeCell ref="A186:H186"/>
    <mergeCell ref="I176:M176"/>
    <mergeCell ref="AC186:AG186"/>
    <mergeCell ref="P201:X201"/>
    <mergeCell ref="I185:M185"/>
    <mergeCell ref="N183:R183"/>
    <mergeCell ref="A187:H187"/>
    <mergeCell ref="Z191:AG191"/>
    <mergeCell ref="N186:R186"/>
    <mergeCell ref="S185:W185"/>
    <mergeCell ref="K195:Q195"/>
    <mergeCell ref="Y200:AG200"/>
    <mergeCell ref="AD193:AG193"/>
    <mergeCell ref="Z193:AC193"/>
    <mergeCell ref="A183:H183"/>
    <mergeCell ref="N184:R184"/>
    <mergeCell ref="A195:D195"/>
    <mergeCell ref="P200:X200"/>
    <mergeCell ref="R192:U192"/>
    <mergeCell ref="I178:M178"/>
    <mergeCell ref="V195:Y195"/>
    <mergeCell ref="Z195:AC195"/>
    <mergeCell ref="AC177:AG177"/>
    <mergeCell ref="A191:D191"/>
    <mergeCell ref="K192:Q192"/>
    <mergeCell ref="E193:J193"/>
    <mergeCell ref="A192:D192"/>
    <mergeCell ref="D100:H100"/>
    <mergeCell ref="D104:H104"/>
    <mergeCell ref="A114:D114"/>
    <mergeCell ref="E116:I116"/>
    <mergeCell ref="Z103:AG103"/>
    <mergeCell ref="AD117:AG117"/>
    <mergeCell ref="J101:Q101"/>
    <mergeCell ref="AD114:AG115"/>
    <mergeCell ref="J103:Q103"/>
    <mergeCell ref="D141:H141"/>
    <mergeCell ref="AC141:AG141"/>
    <mergeCell ref="AD131:AG132"/>
    <mergeCell ref="A124:E124"/>
    <mergeCell ref="A97:B108"/>
    <mergeCell ref="A185:H185"/>
    <mergeCell ref="E191:Q191"/>
    <mergeCell ref="I183:M183"/>
    <mergeCell ref="Y159:AG159"/>
    <mergeCell ref="N160:P160"/>
    <mergeCell ref="AE161:AG161"/>
    <mergeCell ref="Y163:AA163"/>
    <mergeCell ref="V162:X162"/>
    <mergeCell ref="V160:X160"/>
    <mergeCell ref="S160:U160"/>
    <mergeCell ref="A116:D116"/>
    <mergeCell ref="O115:S115"/>
    <mergeCell ref="O117:S117"/>
    <mergeCell ref="I134:M134"/>
    <mergeCell ref="A123:E123"/>
    <mergeCell ref="A142:C142"/>
    <mergeCell ref="A117:D117"/>
    <mergeCell ref="A115:D115"/>
    <mergeCell ref="D101:H101"/>
    <mergeCell ref="F122:S122"/>
    <mergeCell ref="F123:L123"/>
    <mergeCell ref="M123:S123"/>
    <mergeCell ref="S140:W140"/>
    <mergeCell ref="R131:U132"/>
    <mergeCell ref="AC140:AG140"/>
    <mergeCell ref="A133:H133"/>
    <mergeCell ref="A140:C140"/>
    <mergeCell ref="AA123:AG123"/>
    <mergeCell ref="A126:E126"/>
    <mergeCell ref="D139:R139"/>
    <mergeCell ref="M125:S125"/>
    <mergeCell ref="R135:U135"/>
    <mergeCell ref="T126:Z126"/>
    <mergeCell ref="M126:S126"/>
    <mergeCell ref="Z134:AC134"/>
    <mergeCell ref="A125:E125"/>
    <mergeCell ref="J115:N115"/>
    <mergeCell ref="J114:AC114"/>
    <mergeCell ref="A132:H132"/>
    <mergeCell ref="I133:M133"/>
    <mergeCell ref="I131:M132"/>
    <mergeCell ref="A131:H131"/>
    <mergeCell ref="A122:E122"/>
    <mergeCell ref="A139:C139"/>
    <mergeCell ref="M124:S124"/>
    <mergeCell ref="I135:M135"/>
    <mergeCell ref="R133:U133"/>
    <mergeCell ref="N131:Q132"/>
    <mergeCell ref="R134:U134"/>
    <mergeCell ref="V131:Y132"/>
    <mergeCell ref="R42:Y42"/>
    <mergeCell ref="R43:Y43"/>
    <mergeCell ref="J24:Q24"/>
    <mergeCell ref="J34:Q34"/>
    <mergeCell ref="Z41:AG41"/>
    <mergeCell ref="Z42:AG42"/>
    <mergeCell ref="R105:Y105"/>
    <mergeCell ref="T117:X117"/>
    <mergeCell ref="O118:S118"/>
    <mergeCell ref="V59:AA60"/>
    <mergeCell ref="S52:W52"/>
    <mergeCell ref="I53:M53"/>
    <mergeCell ref="R44:Y44"/>
    <mergeCell ref="N48:R49"/>
    <mergeCell ref="Y118:AC118"/>
    <mergeCell ref="Y117:AC117"/>
    <mergeCell ref="E118:I118"/>
    <mergeCell ref="D102:H102"/>
    <mergeCell ref="G95:I95"/>
    <mergeCell ref="J95:Q95"/>
    <mergeCell ref="V63:AA63"/>
    <mergeCell ref="D108:H108"/>
    <mergeCell ref="J99:Q99"/>
    <mergeCell ref="J118:N118"/>
    <mergeCell ref="R97:Y97"/>
    <mergeCell ref="D106:H106"/>
    <mergeCell ref="J105:Q105"/>
    <mergeCell ref="D99:H99"/>
    <mergeCell ref="R99:Y99"/>
    <mergeCell ref="Z101:AG101"/>
    <mergeCell ref="J116:N116"/>
    <mergeCell ref="R106:Y106"/>
    <mergeCell ref="A60:H60"/>
    <mergeCell ref="A59:H59"/>
    <mergeCell ref="E62:H62"/>
    <mergeCell ref="A61:D62"/>
    <mergeCell ref="I83:AA83"/>
    <mergeCell ref="A85:E85"/>
    <mergeCell ref="P62:U62"/>
    <mergeCell ref="P59:U60"/>
    <mergeCell ref="J16:Q16"/>
    <mergeCell ref="AC50:AG50"/>
    <mergeCell ref="V62:AA62"/>
    <mergeCell ref="S53:W53"/>
    <mergeCell ref="I59:O60"/>
    <mergeCell ref="I55:M55"/>
    <mergeCell ref="R41:Y41"/>
    <mergeCell ref="Z36:AG36"/>
    <mergeCell ref="R21:Y21"/>
    <mergeCell ref="Z21:AG21"/>
    <mergeCell ref="AC52:AG52"/>
    <mergeCell ref="X52:AB52"/>
    <mergeCell ref="AC48:AG49"/>
    <mergeCell ref="N50:R50"/>
    <mergeCell ref="I61:O61"/>
    <mergeCell ref="P61:U61"/>
    <mergeCell ref="X55:AB55"/>
    <mergeCell ref="AB59:AG60"/>
    <mergeCell ref="AC55:AG55"/>
    <mergeCell ref="AB61:AG61"/>
    <mergeCell ref="V61:AA61"/>
    <mergeCell ref="R40:Y40"/>
    <mergeCell ref="R39:Y39"/>
    <mergeCell ref="I62:O62"/>
    <mergeCell ref="X48:AB49"/>
    <mergeCell ref="S50:W50"/>
    <mergeCell ref="Y287:AA287"/>
    <mergeCell ref="AE289:AG289"/>
    <mergeCell ref="Y291:AA291"/>
    <mergeCell ref="AB289:AD289"/>
    <mergeCell ref="AE287:AG287"/>
    <mergeCell ref="V290:X290"/>
    <mergeCell ref="N54:R54"/>
    <mergeCell ref="X54:AB54"/>
    <mergeCell ref="S54:W54"/>
    <mergeCell ref="X51:AB51"/>
    <mergeCell ref="AC51:AG51"/>
    <mergeCell ref="N51:R51"/>
    <mergeCell ref="AB63:AG63"/>
    <mergeCell ref="P66:U66"/>
    <mergeCell ref="Z72:AC73"/>
    <mergeCell ref="Y87:AA87"/>
    <mergeCell ref="P87:R87"/>
    <mergeCell ref="J100:Q100"/>
    <mergeCell ref="Z105:AG105"/>
    <mergeCell ref="T115:X115"/>
    <mergeCell ref="AB83:AG83"/>
    <mergeCell ref="M85:O85"/>
    <mergeCell ref="Y85:AA85"/>
    <mergeCell ref="S55:W55"/>
    <mergeCell ref="AB62:AG62"/>
    <mergeCell ref="X53:AB53"/>
    <mergeCell ref="S51:W51"/>
    <mergeCell ref="AA125:AG125"/>
    <mergeCell ref="V87:X87"/>
    <mergeCell ref="S87:U87"/>
    <mergeCell ref="P64:U64"/>
    <mergeCell ref="AD72:AG73"/>
    <mergeCell ref="R74:U74"/>
    <mergeCell ref="F71:U71"/>
    <mergeCell ref="J72:M73"/>
    <mergeCell ref="F74:I74"/>
    <mergeCell ref="N74:Q74"/>
    <mergeCell ref="V75:Y75"/>
    <mergeCell ref="M84:O84"/>
    <mergeCell ref="AB85:AD85"/>
    <mergeCell ref="F85:H85"/>
    <mergeCell ref="V85:X85"/>
    <mergeCell ref="N331:O331"/>
    <mergeCell ref="V64:AA64"/>
    <mergeCell ref="R75:U75"/>
    <mergeCell ref="J74:M74"/>
    <mergeCell ref="I65:O65"/>
    <mergeCell ref="AE84:AG84"/>
    <mergeCell ref="AE87:AG87"/>
    <mergeCell ref="Y84:AA84"/>
    <mergeCell ref="F86:H86"/>
    <mergeCell ref="G96:I96"/>
    <mergeCell ref="AB86:AD86"/>
    <mergeCell ref="P86:R86"/>
    <mergeCell ref="AE86:AG86"/>
    <mergeCell ref="E66:H66"/>
    <mergeCell ref="A71:E71"/>
    <mergeCell ref="A72:E72"/>
    <mergeCell ref="N72:Q73"/>
    <mergeCell ref="M86:O86"/>
    <mergeCell ref="P85:R85"/>
    <mergeCell ref="AB87:AD87"/>
    <mergeCell ref="Z99:AG99"/>
    <mergeCell ref="Z100:AG100"/>
    <mergeCell ref="J102:Q102"/>
    <mergeCell ref="Z97:AG97"/>
    <mergeCell ref="S86:U86"/>
    <mergeCell ref="AD74:AG74"/>
    <mergeCell ref="J96:Q96"/>
    <mergeCell ref="Z94:AG94"/>
    <mergeCell ref="I84:L84"/>
    <mergeCell ref="Z75:AC75"/>
    <mergeCell ref="R96:Y96"/>
    <mergeCell ref="R98:Y98"/>
    <mergeCell ref="J97:Q97"/>
    <mergeCell ref="J98:Q98"/>
    <mergeCell ref="J108:Q108"/>
    <mergeCell ref="Z107:AG107"/>
    <mergeCell ref="R107:Y107"/>
    <mergeCell ref="AB84:AD84"/>
    <mergeCell ref="AD75:AG75"/>
    <mergeCell ref="V74:Y74"/>
    <mergeCell ref="Z96:AG96"/>
    <mergeCell ref="S85:U85"/>
    <mergeCell ref="R100:Y100"/>
    <mergeCell ref="R103:Y103"/>
    <mergeCell ref="Z104:AG104"/>
    <mergeCell ref="R104:Y104"/>
    <mergeCell ref="R102:Y102"/>
    <mergeCell ref="Z98:AG98"/>
    <mergeCell ref="Z74:AC74"/>
    <mergeCell ref="V76:Y76"/>
    <mergeCell ref="V86:X86"/>
    <mergeCell ref="Z76:AC76"/>
    <mergeCell ref="Z102:AG102"/>
    <mergeCell ref="T116:X116"/>
    <mergeCell ref="J104:Q104"/>
    <mergeCell ref="Y115:AC115"/>
    <mergeCell ref="R108:Y108"/>
    <mergeCell ref="Z106:AG106"/>
    <mergeCell ref="J106:Q106"/>
    <mergeCell ref="Z108:AG108"/>
    <mergeCell ref="A118:D118"/>
    <mergeCell ref="J117:N117"/>
    <mergeCell ref="AD118:AG118"/>
    <mergeCell ref="E117:I117"/>
    <mergeCell ref="Y116:AC116"/>
    <mergeCell ref="AD116:AG116"/>
    <mergeCell ref="Y201:AG201"/>
    <mergeCell ref="AC183:AG183"/>
    <mergeCell ref="N142:R142"/>
    <mergeCell ref="AD194:AG194"/>
    <mergeCell ref="X187:AB187"/>
    <mergeCell ref="AC187:AG187"/>
    <mergeCell ref="AD192:AG192"/>
    <mergeCell ref="R191:Y191"/>
    <mergeCell ref="K160:M160"/>
    <mergeCell ref="S162:U162"/>
    <mergeCell ref="N163:P163"/>
    <mergeCell ref="Q160:R160"/>
    <mergeCell ref="H161:J161"/>
    <mergeCell ref="Y162:AA162"/>
    <mergeCell ref="X140:AB140"/>
    <mergeCell ref="K161:M161"/>
    <mergeCell ref="E163:G163"/>
    <mergeCell ref="H163:J163"/>
    <mergeCell ref="E55:H55"/>
    <mergeCell ref="D42:H42"/>
    <mergeCell ref="E52:H52"/>
    <mergeCell ref="J44:Q44"/>
    <mergeCell ref="E50:H50"/>
    <mergeCell ref="D41:H41"/>
    <mergeCell ref="A50:D51"/>
    <mergeCell ref="A48:H48"/>
    <mergeCell ref="A76:E76"/>
    <mergeCell ref="A75:E75"/>
    <mergeCell ref="R72:U73"/>
    <mergeCell ref="A353:E354"/>
    <mergeCell ref="F349:K350"/>
    <mergeCell ref="L350:O350"/>
    <mergeCell ref="P351:U351"/>
    <mergeCell ref="L352:O352"/>
    <mergeCell ref="I343:K344"/>
    <mergeCell ref="L345:O345"/>
    <mergeCell ref="P343:U343"/>
    <mergeCell ref="I345:K346"/>
    <mergeCell ref="I63:O63"/>
    <mergeCell ref="N75:Q75"/>
    <mergeCell ref="R76:U76"/>
    <mergeCell ref="M87:O87"/>
    <mergeCell ref="I86:L86"/>
    <mergeCell ref="I87:L87"/>
    <mergeCell ref="S177:W177"/>
    <mergeCell ref="V338:AA339"/>
    <mergeCell ref="V340:AA340"/>
    <mergeCell ref="V344:AA344"/>
    <mergeCell ref="P349:U349"/>
    <mergeCell ref="I64:O64"/>
    <mergeCell ref="Z40:AG40"/>
    <mergeCell ref="R36:Y36"/>
    <mergeCell ref="Z39:AG39"/>
    <mergeCell ref="Z38:AG38"/>
    <mergeCell ref="D38:H38"/>
    <mergeCell ref="Z34:AG34"/>
    <mergeCell ref="D37:H37"/>
    <mergeCell ref="R38:Y38"/>
    <mergeCell ref="Z37:AG37"/>
    <mergeCell ref="R34:Y34"/>
    <mergeCell ref="R22:Y22"/>
    <mergeCell ref="G94:I94"/>
    <mergeCell ref="Z95:AG95"/>
    <mergeCell ref="J94:Q94"/>
    <mergeCell ref="R95:Y95"/>
    <mergeCell ref="F83:H84"/>
    <mergeCell ref="F76:I76"/>
    <mergeCell ref="A84:E84"/>
    <mergeCell ref="V84:X84"/>
    <mergeCell ref="A94:F94"/>
    <mergeCell ref="F87:H87"/>
    <mergeCell ref="A33:I33"/>
    <mergeCell ref="A24:I24"/>
    <mergeCell ref="A26:I26"/>
    <mergeCell ref="A31:I31"/>
    <mergeCell ref="R31:Y32"/>
    <mergeCell ref="A27:I27"/>
    <mergeCell ref="J37:Q37"/>
    <mergeCell ref="J43:Q43"/>
    <mergeCell ref="J39:Q39"/>
    <mergeCell ref="A40:I40"/>
    <mergeCell ref="I52:M52"/>
    <mergeCell ref="Z14:AG14"/>
    <mergeCell ref="Z15:AG15"/>
    <mergeCell ref="A10:I10"/>
    <mergeCell ref="A11:I11"/>
    <mergeCell ref="A13:I13"/>
    <mergeCell ref="A14:I14"/>
    <mergeCell ref="A15:I15"/>
    <mergeCell ref="A8:I8"/>
    <mergeCell ref="A9:I9"/>
    <mergeCell ref="A16:I16"/>
    <mergeCell ref="Z17:AG17"/>
    <mergeCell ref="Z22:AG22"/>
    <mergeCell ref="Z24:AG24"/>
    <mergeCell ref="J25:Q25"/>
    <mergeCell ref="Z26:AG26"/>
    <mergeCell ref="Z23:AG23"/>
    <mergeCell ref="R25:Y25"/>
    <mergeCell ref="Z25:AG25"/>
    <mergeCell ref="A21:I21"/>
    <mergeCell ref="J21:Q21"/>
    <mergeCell ref="Z18:AG18"/>
    <mergeCell ref="R16:Y16"/>
    <mergeCell ref="A22:I22"/>
    <mergeCell ref="J20:Q20"/>
    <mergeCell ref="J17:Q17"/>
    <mergeCell ref="J22:Q22"/>
    <mergeCell ref="R26:Y26"/>
    <mergeCell ref="R17:Y17"/>
    <mergeCell ref="R18:Y18"/>
    <mergeCell ref="Z16:AG16"/>
    <mergeCell ref="R20:Y20"/>
    <mergeCell ref="Z5:AG6"/>
    <mergeCell ref="Z7:AG7"/>
    <mergeCell ref="A5:I5"/>
    <mergeCell ref="A6:I6"/>
    <mergeCell ref="J5:Q6"/>
    <mergeCell ref="Z8:AG8"/>
    <mergeCell ref="A7:I7"/>
    <mergeCell ref="J7:Q7"/>
    <mergeCell ref="R7:Y7"/>
    <mergeCell ref="J13:Q13"/>
    <mergeCell ref="R5:Y6"/>
    <mergeCell ref="Z9:AG9"/>
    <mergeCell ref="R13:Y13"/>
    <mergeCell ref="Z10:AG10"/>
    <mergeCell ref="Z11:AG11"/>
    <mergeCell ref="J15:Q15"/>
    <mergeCell ref="R15:Y15"/>
    <mergeCell ref="Z12:AG12"/>
    <mergeCell ref="J14:Q14"/>
    <mergeCell ref="A12:I12"/>
    <mergeCell ref="R8:Y8"/>
    <mergeCell ref="R12:Y12"/>
    <mergeCell ref="J8:Q8"/>
    <mergeCell ref="J11:Q11"/>
    <mergeCell ref="R11:Y11"/>
    <mergeCell ref="J12:Q12"/>
    <mergeCell ref="J10:Q10"/>
    <mergeCell ref="R10:Y10"/>
    <mergeCell ref="J9:Q9"/>
    <mergeCell ref="R9:Y9"/>
    <mergeCell ref="R14:Y14"/>
    <mergeCell ref="Z13:AG13"/>
    <mergeCell ref="R37:Y37"/>
    <mergeCell ref="R33:Y33"/>
    <mergeCell ref="A25:I25"/>
    <mergeCell ref="J26:Q26"/>
    <mergeCell ref="R24:Y24"/>
    <mergeCell ref="Z35:AG35"/>
    <mergeCell ref="A23:I23"/>
    <mergeCell ref="R23:Y23"/>
    <mergeCell ref="J23:Q23"/>
    <mergeCell ref="J36:Q36"/>
    <mergeCell ref="A17:I17"/>
    <mergeCell ref="Z19:AG19"/>
    <mergeCell ref="R19:Y19"/>
    <mergeCell ref="A18:I18"/>
    <mergeCell ref="A20:I20"/>
    <mergeCell ref="Z20:AG20"/>
    <mergeCell ref="A19:I19"/>
    <mergeCell ref="J18:Q18"/>
    <mergeCell ref="J19:Q19"/>
    <mergeCell ref="J33:Q33"/>
    <mergeCell ref="A32:I32"/>
    <mergeCell ref="Z31:AG32"/>
    <mergeCell ref="Z27:AG27"/>
    <mergeCell ref="R35:Y35"/>
    <mergeCell ref="J27:Q27"/>
    <mergeCell ref="A65:D66"/>
    <mergeCell ref="N76:Q76"/>
    <mergeCell ref="J75:M75"/>
    <mergeCell ref="A74:E74"/>
    <mergeCell ref="P63:U63"/>
    <mergeCell ref="E64:H64"/>
    <mergeCell ref="A63:D64"/>
    <mergeCell ref="E63:H63"/>
    <mergeCell ref="N55:R55"/>
    <mergeCell ref="R27:Y27"/>
    <mergeCell ref="J35:Q35"/>
    <mergeCell ref="F72:I73"/>
    <mergeCell ref="J31:Q32"/>
    <mergeCell ref="Z43:AG43"/>
    <mergeCell ref="Z44:AG44"/>
    <mergeCell ref="X50:AB50"/>
    <mergeCell ref="E51:H51"/>
    <mergeCell ref="AB64:AG64"/>
    <mergeCell ref="I48:M49"/>
    <mergeCell ref="A49:H49"/>
    <mergeCell ref="AC53:AG53"/>
    <mergeCell ref="AC54:AG54"/>
    <mergeCell ref="E61:H61"/>
    <mergeCell ref="A34:I34"/>
    <mergeCell ref="A35:I35"/>
    <mergeCell ref="D36:H36"/>
    <mergeCell ref="D44:H44"/>
    <mergeCell ref="J40:Q40"/>
    <mergeCell ref="D39:H39"/>
    <mergeCell ref="S48:W49"/>
    <mergeCell ref="Z33:AG33"/>
    <mergeCell ref="AD76:AG76"/>
    <mergeCell ref="AB65:AG65"/>
    <mergeCell ref="J76:M76"/>
    <mergeCell ref="F75:I75"/>
    <mergeCell ref="AE85:AG85"/>
    <mergeCell ref="I66:O66"/>
    <mergeCell ref="E65:H65"/>
    <mergeCell ref="A79:AG79"/>
    <mergeCell ref="V66:AA66"/>
    <mergeCell ref="V65:AA65"/>
    <mergeCell ref="V71:AG71"/>
    <mergeCell ref="A96:F96"/>
    <mergeCell ref="P65:U65"/>
    <mergeCell ref="Y86:AA86"/>
    <mergeCell ref="V72:Y73"/>
    <mergeCell ref="S84:U84"/>
    <mergeCell ref="R94:Y94"/>
    <mergeCell ref="A179:H179"/>
    <mergeCell ref="R169:U169"/>
    <mergeCell ref="AC179:AG179"/>
    <mergeCell ref="X179:AB179"/>
    <mergeCell ref="X178:AB178"/>
    <mergeCell ref="X177:AB177"/>
    <mergeCell ref="R168:U168"/>
    <mergeCell ref="V168:Y168"/>
    <mergeCell ref="N179:R179"/>
    <mergeCell ref="N178:R178"/>
    <mergeCell ref="A177:H177"/>
    <mergeCell ref="S176:W176"/>
    <mergeCell ref="AC176:AG176"/>
    <mergeCell ref="V169:Y169"/>
    <mergeCell ref="N177:R177"/>
    <mergeCell ref="N175:R175"/>
    <mergeCell ref="K163:M163"/>
    <mergeCell ref="H162:J162"/>
    <mergeCell ref="K162:M162"/>
    <mergeCell ref="E162:G162"/>
    <mergeCell ref="E159:J159"/>
    <mergeCell ref="K159:P159"/>
    <mergeCell ref="N162:P162"/>
    <mergeCell ref="X152:AG152"/>
    <mergeCell ref="F153:N153"/>
    <mergeCell ref="Q158:AG158"/>
    <mergeCell ref="Q159:X159"/>
    <mergeCell ref="S141:W141"/>
    <mergeCell ref="I141:M141"/>
    <mergeCell ref="E158:P158"/>
    <mergeCell ref="O153:W153"/>
    <mergeCell ref="X151:AG151"/>
    <mergeCell ref="X153:AG153"/>
    <mergeCell ref="O150:W150"/>
    <mergeCell ref="D158:D160"/>
    <mergeCell ref="Q161:R161"/>
    <mergeCell ref="Q162:R162"/>
    <mergeCell ref="Q163:R163"/>
    <mergeCell ref="T122:AG122"/>
    <mergeCell ref="I187:M187"/>
    <mergeCell ref="AB221:AG221"/>
    <mergeCell ref="R209:U209"/>
    <mergeCell ref="J209:M209"/>
    <mergeCell ref="J210:M210"/>
    <mergeCell ref="J221:O221"/>
    <mergeCell ref="G201:O201"/>
    <mergeCell ref="J211:M211"/>
    <mergeCell ref="G204:O204"/>
    <mergeCell ref="A219:I219"/>
    <mergeCell ref="P216:AG216"/>
    <mergeCell ref="N212:Q212"/>
    <mergeCell ref="V192:Y192"/>
    <mergeCell ref="Z194:AC194"/>
    <mergeCell ref="V194:Y194"/>
    <mergeCell ref="Z192:AC192"/>
    <mergeCell ref="S187:W187"/>
    <mergeCell ref="R195:U195"/>
    <mergeCell ref="A221:I221"/>
    <mergeCell ref="A220:I220"/>
    <mergeCell ref="A209:I209"/>
    <mergeCell ref="J212:M212"/>
    <mergeCell ref="N187:R187"/>
    <mergeCell ref="V220:AA220"/>
    <mergeCell ref="A193:D193"/>
    <mergeCell ref="E194:J194"/>
    <mergeCell ref="E195:J195"/>
    <mergeCell ref="AD238:AG238"/>
    <mergeCell ref="Z278:AC278"/>
    <mergeCell ref="Z276:AC276"/>
    <mergeCell ref="T230:Z230"/>
    <mergeCell ref="AA226:AG227"/>
    <mergeCell ref="Z256:AG256"/>
    <mergeCell ref="R253:Y253"/>
    <mergeCell ref="V245:Y245"/>
    <mergeCell ref="R254:Y254"/>
    <mergeCell ref="Z254:AG254"/>
    <mergeCell ref="V235:Y236"/>
    <mergeCell ref="Z259:AG259"/>
    <mergeCell ref="Z272:AC272"/>
    <mergeCell ref="Z257:AG257"/>
    <mergeCell ref="AD270:AG270"/>
    <mergeCell ref="R270:U270"/>
    <mergeCell ref="Z273:AC273"/>
    <mergeCell ref="AD277:AG277"/>
    <mergeCell ref="R267:U267"/>
    <mergeCell ref="AD272:AG272"/>
    <mergeCell ref="R261:Y261"/>
    <mergeCell ref="V272:Y272"/>
    <mergeCell ref="Z277:AC277"/>
    <mergeCell ref="R258:Y258"/>
    <mergeCell ref="Z265:AG265"/>
    <mergeCell ref="Z271:AC271"/>
    <mergeCell ref="AD266:AG266"/>
    <mergeCell ref="V270:Y270"/>
    <mergeCell ref="R269:U269"/>
    <mergeCell ref="V276:Y276"/>
    <mergeCell ref="V277:Y277"/>
    <mergeCell ref="V274:Y274"/>
    <mergeCell ref="AD276:AG276"/>
    <mergeCell ref="R243:U243"/>
    <mergeCell ref="R249:Y250"/>
    <mergeCell ref="N245:Q245"/>
    <mergeCell ref="J245:M245"/>
    <mergeCell ref="R242:U242"/>
    <mergeCell ref="J266:M266"/>
    <mergeCell ref="J259:Q259"/>
    <mergeCell ref="V271:Y271"/>
    <mergeCell ref="J269:M269"/>
    <mergeCell ref="N271:Q271"/>
    <mergeCell ref="R273:U273"/>
    <mergeCell ref="N274:Q274"/>
    <mergeCell ref="R274:U274"/>
    <mergeCell ref="J275:M275"/>
    <mergeCell ref="N275:Q275"/>
    <mergeCell ref="N266:Q266"/>
    <mergeCell ref="V268:Y268"/>
    <mergeCell ref="Z267:AC267"/>
    <mergeCell ref="R271:U271"/>
    <mergeCell ref="AD268:AG268"/>
    <mergeCell ref="AD274:AG274"/>
    <mergeCell ref="AD275:AG275"/>
    <mergeCell ref="N273:Q273"/>
    <mergeCell ref="J273:M273"/>
    <mergeCell ref="Z261:AG261"/>
    <mergeCell ref="Z274:AC274"/>
    <mergeCell ref="R268:U268"/>
    <mergeCell ref="R266:U266"/>
    <mergeCell ref="V266:Y266"/>
    <mergeCell ref="N270:Q270"/>
    <mergeCell ref="Z253:AG253"/>
    <mergeCell ref="AD241:AG241"/>
    <mergeCell ref="J243:M243"/>
    <mergeCell ref="Z249:AG250"/>
    <mergeCell ref="R260:Y260"/>
    <mergeCell ref="J252:Q252"/>
    <mergeCell ref="R252:Y252"/>
    <mergeCell ref="Z260:AG260"/>
    <mergeCell ref="R257:Y257"/>
    <mergeCell ref="R256:Y256"/>
    <mergeCell ref="R255:Y255"/>
    <mergeCell ref="R259:Y259"/>
    <mergeCell ref="Z255:AG255"/>
    <mergeCell ref="Z245:AC245"/>
    <mergeCell ref="R241:U241"/>
    <mergeCell ref="AD245:AG245"/>
    <mergeCell ref="Z243:AC243"/>
    <mergeCell ref="AD243:AG243"/>
    <mergeCell ref="R244:U244"/>
    <mergeCell ref="V244:Y244"/>
    <mergeCell ref="Z242:AC242"/>
    <mergeCell ref="V241:Y241"/>
    <mergeCell ref="J242:M242"/>
    <mergeCell ref="J249:Q250"/>
    <mergeCell ref="J253:Q253"/>
    <mergeCell ref="Z240:AC240"/>
    <mergeCell ref="Z241:AC241"/>
    <mergeCell ref="J244:M244"/>
    <mergeCell ref="Z258:AG258"/>
    <mergeCell ref="N237:Q237"/>
    <mergeCell ref="V237:Y237"/>
    <mergeCell ref="R238:U238"/>
    <mergeCell ref="J239:M239"/>
    <mergeCell ref="R251:Y251"/>
    <mergeCell ref="V242:Y242"/>
    <mergeCell ref="R237:U237"/>
    <mergeCell ref="N241:Q241"/>
    <mergeCell ref="R240:U240"/>
    <mergeCell ref="J237:M237"/>
    <mergeCell ref="AD240:AG240"/>
    <mergeCell ref="F228:L228"/>
    <mergeCell ref="J258:Q258"/>
    <mergeCell ref="E237:I237"/>
    <mergeCell ref="M228:S228"/>
    <mergeCell ref="A229:E229"/>
    <mergeCell ref="R245:U245"/>
    <mergeCell ref="M230:S230"/>
    <mergeCell ref="F229:L229"/>
    <mergeCell ref="N240:Q240"/>
    <mergeCell ref="N238:Q238"/>
    <mergeCell ref="J238:M238"/>
    <mergeCell ref="J240:M240"/>
    <mergeCell ref="F230:L230"/>
    <mergeCell ref="R239:U239"/>
    <mergeCell ref="J241:M241"/>
    <mergeCell ref="V240:Y240"/>
    <mergeCell ref="Z251:AG251"/>
    <mergeCell ref="D252:I252"/>
    <mergeCell ref="D253:I253"/>
    <mergeCell ref="A271:I271"/>
    <mergeCell ref="A272:I272"/>
    <mergeCell ref="J272:M272"/>
    <mergeCell ref="N244:Q244"/>
    <mergeCell ref="J254:Q254"/>
    <mergeCell ref="E255:I255"/>
    <mergeCell ref="J265:Q265"/>
    <mergeCell ref="A249:I249"/>
    <mergeCell ref="A243:D245"/>
    <mergeCell ref="E239:I239"/>
    <mergeCell ref="E238:I238"/>
    <mergeCell ref="N243:Q243"/>
    <mergeCell ref="E240:I240"/>
    <mergeCell ref="N239:Q239"/>
    <mergeCell ref="N242:Q242"/>
    <mergeCell ref="A237:D239"/>
    <mergeCell ref="J251:Q251"/>
    <mergeCell ref="A250:I250"/>
    <mergeCell ref="N272:Q272"/>
    <mergeCell ref="J271:M271"/>
    <mergeCell ref="E244:I244"/>
    <mergeCell ref="A256:I256"/>
    <mergeCell ref="D261:I261"/>
    <mergeCell ref="N269:Q269"/>
    <mergeCell ref="N267:Q267"/>
    <mergeCell ref="D258:I258"/>
    <mergeCell ref="A265:I265"/>
    <mergeCell ref="D259:I259"/>
    <mergeCell ref="A269:I269"/>
    <mergeCell ref="D260:I260"/>
    <mergeCell ref="M283:O284"/>
    <mergeCell ref="N278:Q278"/>
    <mergeCell ref="A283:I283"/>
    <mergeCell ref="J283:L284"/>
    <mergeCell ref="P283:R284"/>
    <mergeCell ref="A276:I276"/>
    <mergeCell ref="J276:M276"/>
    <mergeCell ref="J277:M277"/>
    <mergeCell ref="B292:I292"/>
    <mergeCell ref="J294:L294"/>
    <mergeCell ref="B289:I289"/>
    <mergeCell ref="S292:U292"/>
    <mergeCell ref="S290:U290"/>
    <mergeCell ref="B288:I288"/>
    <mergeCell ref="S286:U286"/>
    <mergeCell ref="M292:O292"/>
    <mergeCell ref="J286:L286"/>
    <mergeCell ref="P291:R291"/>
    <mergeCell ref="S293:U293"/>
    <mergeCell ref="B291:I291"/>
    <mergeCell ref="A290:A294"/>
    <mergeCell ref="M289:O289"/>
    <mergeCell ref="J293:L293"/>
    <mergeCell ref="P292:R292"/>
    <mergeCell ref="P293:R293"/>
    <mergeCell ref="J292:L292"/>
    <mergeCell ref="M294:O294"/>
    <mergeCell ref="M290:O290"/>
    <mergeCell ref="A285:A289"/>
    <mergeCell ref="B293:I293"/>
    <mergeCell ref="R278:U278"/>
    <mergeCell ref="R276:U276"/>
    <mergeCell ref="M285:O285"/>
    <mergeCell ref="S285:U285"/>
    <mergeCell ref="B290:I290"/>
    <mergeCell ref="J289:L289"/>
    <mergeCell ref="B285:I285"/>
    <mergeCell ref="M296:O296"/>
    <mergeCell ref="A308:C308"/>
    <mergeCell ref="A306:C306"/>
    <mergeCell ref="J296:L296"/>
    <mergeCell ref="J306:O306"/>
    <mergeCell ref="B294:I294"/>
    <mergeCell ref="B296:I296"/>
    <mergeCell ref="B295:I295"/>
    <mergeCell ref="P285:R285"/>
    <mergeCell ref="M287:O287"/>
    <mergeCell ref="D308:I308"/>
    <mergeCell ref="P296:R296"/>
    <mergeCell ref="S291:U291"/>
    <mergeCell ref="M295:O295"/>
    <mergeCell ref="B297:I297"/>
    <mergeCell ref="B298:I298"/>
    <mergeCell ref="D306:I306"/>
    <mergeCell ref="P304:U305"/>
    <mergeCell ref="P299:R299"/>
    <mergeCell ref="M286:O286"/>
    <mergeCell ref="P289:R289"/>
    <mergeCell ref="AB308:AG308"/>
    <mergeCell ref="V319:AA319"/>
    <mergeCell ref="D317:M317"/>
    <mergeCell ref="D318:M318"/>
    <mergeCell ref="N318:O318"/>
    <mergeCell ref="P321:U321"/>
    <mergeCell ref="N320:O320"/>
    <mergeCell ref="P320:U320"/>
    <mergeCell ref="A312:O312"/>
    <mergeCell ref="AB315:AG315"/>
    <mergeCell ref="N328:O328"/>
    <mergeCell ref="P328:U328"/>
    <mergeCell ref="D329:M329"/>
    <mergeCell ref="N327:O327"/>
    <mergeCell ref="D330:M330"/>
    <mergeCell ref="AB316:AG316"/>
    <mergeCell ref="P317:U317"/>
    <mergeCell ref="AB320:AG320"/>
    <mergeCell ref="AB322:AG322"/>
    <mergeCell ref="N330:O330"/>
    <mergeCell ref="N323:O323"/>
    <mergeCell ref="N329:O329"/>
    <mergeCell ref="A314:C322"/>
    <mergeCell ref="V322:AA322"/>
    <mergeCell ref="V330:AA330"/>
    <mergeCell ref="P330:U330"/>
    <mergeCell ref="D315:M315"/>
    <mergeCell ref="P326:U326"/>
    <mergeCell ref="V326:AA326"/>
    <mergeCell ref="AB326:AG326"/>
    <mergeCell ref="A323:C326"/>
    <mergeCell ref="AB338:AG339"/>
    <mergeCell ref="AB330:AG330"/>
    <mergeCell ref="F343:H346"/>
    <mergeCell ref="L344:O344"/>
    <mergeCell ref="N317:O317"/>
    <mergeCell ref="A357:E358"/>
    <mergeCell ref="AB352:AG352"/>
    <mergeCell ref="AB351:AG351"/>
    <mergeCell ref="AB354:AG354"/>
    <mergeCell ref="V355:AA355"/>
    <mergeCell ref="P355:U355"/>
    <mergeCell ref="V353:AA353"/>
    <mergeCell ref="V364:Y365"/>
    <mergeCell ref="A327:C334"/>
    <mergeCell ref="AB323:AG323"/>
    <mergeCell ref="AB343:AG343"/>
    <mergeCell ref="AB342:AG342"/>
    <mergeCell ref="V343:AA343"/>
    <mergeCell ref="P342:U342"/>
    <mergeCell ref="F340:O340"/>
    <mergeCell ref="L341:O341"/>
    <mergeCell ref="AB340:AG340"/>
    <mergeCell ref="P338:U339"/>
    <mergeCell ref="D334:M334"/>
    <mergeCell ref="AB333:AG333"/>
    <mergeCell ref="AB332:AG332"/>
    <mergeCell ref="A338:O338"/>
    <mergeCell ref="L342:O342"/>
    <mergeCell ref="P332:U332"/>
    <mergeCell ref="V331:AA331"/>
    <mergeCell ref="D332:M332"/>
    <mergeCell ref="F357:O357"/>
    <mergeCell ref="I381:Q381"/>
    <mergeCell ref="T373:U373"/>
    <mergeCell ref="R381:U381"/>
    <mergeCell ref="O372:S372"/>
    <mergeCell ref="R379:U379"/>
    <mergeCell ref="I378:Q378"/>
    <mergeCell ref="I369:Q369"/>
    <mergeCell ref="AB355:AG355"/>
    <mergeCell ref="V352:AA352"/>
    <mergeCell ref="F358:O358"/>
    <mergeCell ref="P348:U348"/>
    <mergeCell ref="P350:U350"/>
    <mergeCell ref="P347:U347"/>
    <mergeCell ref="V317:AA317"/>
    <mergeCell ref="AB317:AG317"/>
    <mergeCell ref="V316:AA316"/>
    <mergeCell ref="V333:AA333"/>
    <mergeCell ref="V334:AA334"/>
    <mergeCell ref="D333:M333"/>
    <mergeCell ref="V350:AA350"/>
    <mergeCell ref="AD367:AG367"/>
    <mergeCell ref="L346:O346"/>
    <mergeCell ref="N332:O332"/>
    <mergeCell ref="AB334:AG334"/>
    <mergeCell ref="V332:AA332"/>
    <mergeCell ref="P333:U333"/>
    <mergeCell ref="AB341:AG341"/>
    <mergeCell ref="P353:U353"/>
    <mergeCell ref="P334:U334"/>
    <mergeCell ref="AB331:AG331"/>
    <mergeCell ref="Z370:AC370"/>
    <mergeCell ref="AB357:AG357"/>
    <mergeCell ref="I376:N377"/>
    <mergeCell ref="A374:H375"/>
    <mergeCell ref="O377:U377"/>
    <mergeCell ref="O376:U376"/>
    <mergeCell ref="R375:U375"/>
    <mergeCell ref="A368:H369"/>
    <mergeCell ref="A366:H367"/>
    <mergeCell ref="A370:H373"/>
    <mergeCell ref="T367:U367"/>
    <mergeCell ref="I366:N367"/>
    <mergeCell ref="T371:U371"/>
    <mergeCell ref="AD380:AG380"/>
    <mergeCell ref="AD381:AG381"/>
    <mergeCell ref="Z380:AC380"/>
    <mergeCell ref="AD379:AG379"/>
    <mergeCell ref="AD376:AG376"/>
    <mergeCell ref="AD375:AG375"/>
    <mergeCell ref="V367:Y367"/>
    <mergeCell ref="Z378:AC378"/>
    <mergeCell ref="AD378:AG378"/>
    <mergeCell ref="Z377:AC377"/>
    <mergeCell ref="AD377:AG377"/>
    <mergeCell ref="V376:Y376"/>
    <mergeCell ref="V374:Y374"/>
    <mergeCell ref="Z373:AC373"/>
    <mergeCell ref="AD368:AG368"/>
    <mergeCell ref="Z368:AC368"/>
    <mergeCell ref="AD371:AG371"/>
    <mergeCell ref="Z369:AC369"/>
    <mergeCell ref="V366:Y366"/>
    <mergeCell ref="T370:U370"/>
    <mergeCell ref="AD369:AG369"/>
    <mergeCell ref="L348:O348"/>
    <mergeCell ref="V356:AA356"/>
    <mergeCell ref="F353:O353"/>
    <mergeCell ref="AD373:AG373"/>
    <mergeCell ref="A355:E356"/>
    <mergeCell ref="F355:O355"/>
    <mergeCell ref="Z366:AC366"/>
    <mergeCell ref="P358:U358"/>
    <mergeCell ref="T366:U366"/>
    <mergeCell ref="R368:U368"/>
    <mergeCell ref="A365:U365"/>
    <mergeCell ref="A364:U364"/>
    <mergeCell ref="F356:O356"/>
    <mergeCell ref="F354:O354"/>
    <mergeCell ref="P354:U354"/>
    <mergeCell ref="V354:AA354"/>
    <mergeCell ref="L349:O349"/>
    <mergeCell ref="P357:U357"/>
    <mergeCell ref="AD364:AG365"/>
    <mergeCell ref="Z364:AC365"/>
    <mergeCell ref="AD370:AG370"/>
    <mergeCell ref="V369:Y369"/>
    <mergeCell ref="AB358:AG358"/>
    <mergeCell ref="V357:AA357"/>
    <mergeCell ref="AD366:AG366"/>
    <mergeCell ref="P345:U345"/>
    <mergeCell ref="AD374:AG374"/>
    <mergeCell ref="O367:S367"/>
    <mergeCell ref="AD372:AG372"/>
    <mergeCell ref="Z381:AC381"/>
    <mergeCell ref="Z375:AC375"/>
    <mergeCell ref="V381:Y381"/>
    <mergeCell ref="V370:Y370"/>
    <mergeCell ref="V373:Y373"/>
    <mergeCell ref="Z372:AC372"/>
    <mergeCell ref="Z374:AC374"/>
    <mergeCell ref="V375:Y375"/>
    <mergeCell ref="V372:Y372"/>
    <mergeCell ref="V380:Y380"/>
    <mergeCell ref="AB353:AG353"/>
    <mergeCell ref="A307:C307"/>
    <mergeCell ref="D307:I307"/>
    <mergeCell ref="J307:O307"/>
    <mergeCell ref="V312:AA313"/>
    <mergeCell ref="AB312:AG313"/>
    <mergeCell ref="L351:O351"/>
    <mergeCell ref="F351:K352"/>
    <mergeCell ref="N316:O316"/>
    <mergeCell ref="Z367:AC367"/>
    <mergeCell ref="V358:AA358"/>
    <mergeCell ref="Z379:AC379"/>
    <mergeCell ref="Z376:AC376"/>
    <mergeCell ref="V368:Y368"/>
    <mergeCell ref="V371:Y371"/>
    <mergeCell ref="Z371:AC371"/>
    <mergeCell ref="P315:U315"/>
    <mergeCell ref="V378:Y378"/>
    <mergeCell ref="Z252:AG252"/>
    <mergeCell ref="E254:I254"/>
    <mergeCell ref="J261:Q261"/>
    <mergeCell ref="J256:Q256"/>
    <mergeCell ref="D257:I257"/>
    <mergeCell ref="V379:Y379"/>
    <mergeCell ref="V377:Y377"/>
    <mergeCell ref="D319:M319"/>
    <mergeCell ref="N315:O315"/>
    <mergeCell ref="A274:I274"/>
    <mergeCell ref="R272:U272"/>
    <mergeCell ref="R275:U275"/>
    <mergeCell ref="A273:I273"/>
    <mergeCell ref="A275:I275"/>
    <mergeCell ref="E242:I242"/>
    <mergeCell ref="E245:I245"/>
    <mergeCell ref="A277:I277"/>
    <mergeCell ref="A278:I278"/>
    <mergeCell ref="A284:I284"/>
    <mergeCell ref="J274:M274"/>
    <mergeCell ref="A240:D242"/>
    <mergeCell ref="A251:I251"/>
    <mergeCell ref="E241:I241"/>
    <mergeCell ref="J270:M270"/>
    <mergeCell ref="A270:I270"/>
    <mergeCell ref="J255:Q255"/>
    <mergeCell ref="J257:Q257"/>
    <mergeCell ref="A267:I267"/>
    <mergeCell ref="E243:I243"/>
    <mergeCell ref="M298:O298"/>
    <mergeCell ref="S296:U296"/>
    <mergeCell ref="R277:U277"/>
    <mergeCell ref="AE293:AG293"/>
    <mergeCell ref="AB285:AD285"/>
    <mergeCell ref="Y283:AA284"/>
    <mergeCell ref="V291:X291"/>
    <mergeCell ref="A1:AG1"/>
    <mergeCell ref="A92:I92"/>
    <mergeCell ref="J92:Q93"/>
    <mergeCell ref="R92:Y93"/>
    <mergeCell ref="Z92:AG93"/>
    <mergeCell ref="A93:I93"/>
    <mergeCell ref="J38:Q38"/>
    <mergeCell ref="AB66:AG66"/>
    <mergeCell ref="A83:E83"/>
    <mergeCell ref="A73:E73"/>
    <mergeCell ref="A151:E151"/>
    <mergeCell ref="A149:E150"/>
    <mergeCell ref="S143:W143"/>
    <mergeCell ref="D142:H142"/>
    <mergeCell ref="S142:W142"/>
    <mergeCell ref="AD269:AG269"/>
    <mergeCell ref="G202:O202"/>
    <mergeCell ref="A254:D255"/>
    <mergeCell ref="V269:Y269"/>
    <mergeCell ref="J267:M267"/>
    <mergeCell ref="V267:Y267"/>
    <mergeCell ref="A268:I268"/>
    <mergeCell ref="N268:Q268"/>
    <mergeCell ref="J268:M268"/>
    <mergeCell ref="A266:I266"/>
    <mergeCell ref="J260:Q260"/>
    <mergeCell ref="AD267:AG267"/>
    <mergeCell ref="Z268:AC268"/>
    <mergeCell ref="V293:X293"/>
    <mergeCell ref="AD271:AG271"/>
    <mergeCell ref="Y289:AA289"/>
    <mergeCell ref="V275:Y275"/>
    <mergeCell ref="V278:Y278"/>
    <mergeCell ref="V283:X284"/>
    <mergeCell ref="J285:L285"/>
    <mergeCell ref="AB294:AD294"/>
    <mergeCell ref="AB292:AD292"/>
    <mergeCell ref="Z269:AC269"/>
    <mergeCell ref="AD273:AG273"/>
    <mergeCell ref="Z270:AC270"/>
    <mergeCell ref="J291:L291"/>
    <mergeCell ref="J287:L287"/>
    <mergeCell ref="V287:X287"/>
    <mergeCell ref="AD278:AG278"/>
    <mergeCell ref="P287:R287"/>
    <mergeCell ref="S287:U287"/>
    <mergeCell ref="Y285:AA285"/>
    <mergeCell ref="M288:O288"/>
    <mergeCell ref="P290:R290"/>
    <mergeCell ref="AE294:AG294"/>
    <mergeCell ref="AE292:AG292"/>
    <mergeCell ref="AE290:AG290"/>
    <mergeCell ref="P288:R288"/>
    <mergeCell ref="P286:R286"/>
    <mergeCell ref="M291:O291"/>
    <mergeCell ref="N277:Q277"/>
    <mergeCell ref="J290:L290"/>
    <mergeCell ref="V285:X285"/>
    <mergeCell ref="M293:O293"/>
    <mergeCell ref="J278:M278"/>
    <mergeCell ref="N319:O319"/>
    <mergeCell ref="Y299:AA299"/>
    <mergeCell ref="R265:Y265"/>
    <mergeCell ref="P322:U322"/>
    <mergeCell ref="V318:AA318"/>
    <mergeCell ref="V341:AA341"/>
    <mergeCell ref="D328:M328"/>
    <mergeCell ref="P325:U325"/>
    <mergeCell ref="P323:U323"/>
    <mergeCell ref="P327:U327"/>
    <mergeCell ref="P324:U324"/>
    <mergeCell ref="D324:M324"/>
    <mergeCell ref="D323:M323"/>
    <mergeCell ref="N324:O324"/>
    <mergeCell ref="N321:O321"/>
    <mergeCell ref="N322:O322"/>
    <mergeCell ref="D322:M322"/>
    <mergeCell ref="D320:M320"/>
    <mergeCell ref="D325:M325"/>
    <mergeCell ref="P331:U331"/>
    <mergeCell ref="P329:U329"/>
    <mergeCell ref="V321:AA321"/>
    <mergeCell ref="P318:U318"/>
    <mergeCell ref="V320:AA320"/>
    <mergeCell ref="N325:O325"/>
    <mergeCell ref="D321:M321"/>
    <mergeCell ref="Y295:AA295"/>
    <mergeCell ref="J304:O305"/>
    <mergeCell ref="S299:U299"/>
    <mergeCell ref="M299:O299"/>
    <mergeCell ref="J295:L295"/>
    <mergeCell ref="Y288:AA288"/>
    <mergeCell ref="A305:C305"/>
    <mergeCell ref="AB297:AD297"/>
    <mergeCell ref="S297:U297"/>
    <mergeCell ref="AB321:AG321"/>
    <mergeCell ref="P297:R297"/>
    <mergeCell ref="P307:U307"/>
    <mergeCell ref="V307:AA307"/>
    <mergeCell ref="AB299:AD299"/>
    <mergeCell ref="D304:I305"/>
    <mergeCell ref="A313:O313"/>
    <mergeCell ref="V315:AA315"/>
    <mergeCell ref="V323:AA323"/>
    <mergeCell ref="F341:K342"/>
    <mergeCell ref="L343:O343"/>
    <mergeCell ref="N334:O334"/>
    <mergeCell ref="V342:AA342"/>
    <mergeCell ref="P340:U340"/>
    <mergeCell ref="A339:O339"/>
    <mergeCell ref="A340:E352"/>
    <mergeCell ref="L347:O347"/>
    <mergeCell ref="V348:AA348"/>
    <mergeCell ref="F347:K348"/>
    <mergeCell ref="P344:U344"/>
    <mergeCell ref="AE299:AG299"/>
    <mergeCell ref="N333:O333"/>
    <mergeCell ref="D327:M327"/>
    <mergeCell ref="D331:M331"/>
    <mergeCell ref="D316:M316"/>
    <mergeCell ref="M297:O297"/>
    <mergeCell ref="J297:L297"/>
    <mergeCell ref="AE297:AG297"/>
    <mergeCell ref="J308:O308"/>
    <mergeCell ref="D326:M326"/>
    <mergeCell ref="N326:O326"/>
    <mergeCell ref="AE295:AG295"/>
    <mergeCell ref="AE296:AG296"/>
    <mergeCell ref="Y297:AA297"/>
    <mergeCell ref="AB296:AD296"/>
    <mergeCell ref="Y294:AA294"/>
    <mergeCell ref="V289:X289"/>
    <mergeCell ref="Y292:AA292"/>
    <mergeCell ref="AB295:AD295"/>
    <mergeCell ref="V294:X294"/>
    <mergeCell ref="AE286:AG286"/>
    <mergeCell ref="J288:L288"/>
    <mergeCell ref="AB298:AD298"/>
    <mergeCell ref="AB304:AG305"/>
    <mergeCell ref="AB319:AG319"/>
    <mergeCell ref="N314:O314"/>
    <mergeCell ref="D314:M314"/>
    <mergeCell ref="S295:U295"/>
    <mergeCell ref="V295:X295"/>
    <mergeCell ref="V299:X299"/>
    <mergeCell ref="V297:X297"/>
    <mergeCell ref="AB318:AG318"/>
    <mergeCell ref="P319:U319"/>
    <mergeCell ref="P316:U316"/>
    <mergeCell ref="V296:X296"/>
    <mergeCell ref="B299:I299"/>
    <mergeCell ref="J299:L299"/>
    <mergeCell ref="J298:L298"/>
    <mergeCell ref="P308:U308"/>
    <mergeCell ref="A304:C304"/>
    <mergeCell ref="A295:A299"/>
  </mergeCells>
  <phoneticPr fontId="4"/>
  <dataValidations disablePrompts="1" count="1">
    <dataValidation imeMode="hiragana" allowBlank="1" showInputMessage="1" showErrorMessage="1" sqref="A302 A337 A281 A311 A264 A248 A233 A156 A121 A138 A91 A3 A81 A146 A113 A166 A172 A190 A198 A207 A215 A224 A129 A69"/>
  </dataValidations>
  <printOptions horizontalCentered="1"/>
  <pageMargins left="0.78740157480314965" right="0.78740157480314965" top="0.78740157480314965" bottom="0.78740157480314965" header="0.51181102362204722" footer="0.39370078740157483"/>
  <pageSetup paperSize="9" scale="91" firstPageNumber="72" orientation="portrait" useFirstPageNumber="1" r:id="rId1"/>
  <headerFooter alignWithMargins="0">
    <oddFooter>&amp;C&amp;10- &amp;P -</oddFooter>
  </headerFooter>
  <rowBreaks count="9" manualBreakCount="9">
    <brk id="45" max="32" man="1"/>
    <brk id="78" max="32" man="1"/>
    <brk id="128" max="32" man="1"/>
    <brk id="171" max="32" man="1"/>
    <brk id="214" max="32" man="1"/>
    <brk id="263" max="32" man="1"/>
    <brk id="301" max="32" man="1"/>
    <brk id="336" max="32" man="1"/>
    <brk id="361" max="32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社会保障・社会福祉</vt:lpstr>
      <vt:lpstr>社会保障・社会福祉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72</dc:creator>
  <cp:lastModifiedBy>京田辺市役所</cp:lastModifiedBy>
  <cp:lastPrinted>2026-03-17T07:49:02Z</cp:lastPrinted>
  <dcterms:created xsi:type="dcterms:W3CDTF">2006-12-15T04:28:59Z</dcterms:created>
  <dcterms:modified xsi:type="dcterms:W3CDTF">2026-03-21T07:06:18Z</dcterms:modified>
</cp:coreProperties>
</file>